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526"/>
  <workbookPr defaultThemeVersion="124226"/>
  <mc:AlternateContent xmlns:mc="http://schemas.openxmlformats.org/markup-compatibility/2006">
    <mc:Choice Requires="x15">
      <x15ac:absPath xmlns:x15ac="http://schemas.microsoft.com/office/spreadsheetml/2010/11/ac" url="Z:\63社会教育\2.児童くらぶ関係\14　放課後児童健全育成事業設置促進補助\★R8（2026）年度\設置促進補助\02　プロポーザル関係\02　第１回審査会\修正）議案１～３\"/>
    </mc:Choice>
  </mc:AlternateContent>
  <xr:revisionPtr revIDLastSave="0" documentId="8_{A585D515-B6F7-4923-801C-6019AB476415}" xr6:coauthVersionLast="47" xr6:coauthVersionMax="47" xr10:uidLastSave="{00000000-0000-0000-0000-000000000000}"/>
  <bookViews>
    <workbookView xWindow="3550" yWindow="1900" windowWidth="14400" windowHeight="7270" xr2:uid="{00000000-000D-0000-FFFF-FFFF00000000}"/>
  </bookViews>
  <sheets>
    <sheet name="（別紙）提出一覧" sheetId="2" r:id="rId1"/>
    <sheet name="様式１参加申込" sheetId="3" r:id="rId2"/>
    <sheet name="様式２誓約書" sheetId="4" r:id="rId3"/>
    <sheet name="様式３法人概要" sheetId="5" r:id="rId4"/>
    <sheet name="様式４履歴書（代表者）" sheetId="6" r:id="rId5"/>
    <sheet name="様式５主な職員名簿" sheetId="18" r:id="rId6"/>
    <sheet name="様式6履歴書（施設長）" sheetId="9" r:id="rId7"/>
    <sheet name="様式7職員配置" sheetId="10" r:id="rId8"/>
    <sheet name="様式8配置計画等" sheetId="11" r:id="rId9"/>
    <sheet name="様式9事業計画" sheetId="12" r:id="rId10"/>
    <sheet name="様式10開設資金" sheetId="13" r:id="rId11"/>
    <sheet name="様式11収支計画" sheetId="14" r:id="rId12"/>
    <sheet name="様式12償還計画" sheetId="15" r:id="rId13"/>
    <sheet name="様式13保育内容" sheetId="16" r:id="rId14"/>
    <sheet name="様式14辞退届" sheetId="17" r:id="rId15"/>
  </sheets>
  <externalReferences>
    <externalReference r:id="rId16"/>
  </externalReferences>
  <definedNames>
    <definedName name="b">[1]入力シート!$N$277:$P$356</definedName>
    <definedName name="_xlnm.Print_Area" localSheetId="13">様式13保育内容!$A$1:$H$38</definedName>
    <definedName name="_xlnm.Print_Area" localSheetId="14">様式14辞退届!$A$1:$I$40</definedName>
    <definedName name="_xlnm.Print_Area" localSheetId="1">様式１参加申込!$A$1:$I$40</definedName>
    <definedName name="_xlnm.Print_Area" localSheetId="2">様式２誓約書!$A$1:$I$35</definedName>
    <definedName name="_xlnm.Print_Area" localSheetId="9">様式9事業計画!$A$1:$H$71</definedName>
    <definedName name="_xlnm.Print_Titles" localSheetId="13">様式13保育内容!$1:$3</definedName>
    <definedName name="_xlnm.Print_Titles" localSheetId="9">様式9事業計画!$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63" i="14" l="1"/>
  <c r="E53" i="14"/>
  <c r="E49" i="14"/>
  <c r="E38" i="14"/>
  <c r="E34" i="14"/>
  <c r="E68" i="14"/>
  <c r="E66" i="14"/>
  <c r="E58" i="14"/>
  <c r="E24" i="14"/>
  <c r="E17" i="14"/>
  <c r="E64" i="14" l="1"/>
  <c r="E54" i="14"/>
  <c r="E69" i="14"/>
  <c r="E71" i="14" l="1"/>
  <c r="E72" i="14" s="1"/>
</calcChain>
</file>

<file path=xl/sharedStrings.xml><?xml version="1.0" encoding="utf-8"?>
<sst xmlns="http://schemas.openxmlformats.org/spreadsheetml/2006/main" count="665" uniqueCount="479">
  <si>
    <t>所 在 地</t>
    <rPh sb="0" eb="1">
      <t>ショ</t>
    </rPh>
    <rPh sb="2" eb="3">
      <t>ザイ</t>
    </rPh>
    <rPh sb="4" eb="5">
      <t>チ</t>
    </rPh>
    <phoneticPr fontId="6"/>
  </si>
  <si>
    <t>事業者名</t>
    <rPh sb="0" eb="3">
      <t>ジギョウシャ</t>
    </rPh>
    <rPh sb="3" eb="4">
      <t>メイ</t>
    </rPh>
    <phoneticPr fontId="6"/>
  </si>
  <si>
    <t>代表者名</t>
    <rPh sb="0" eb="3">
      <t>ダイヒョウシャ</t>
    </rPh>
    <rPh sb="3" eb="4">
      <t>メイ</t>
    </rPh>
    <phoneticPr fontId="6"/>
  </si>
  <si>
    <t>担当部署</t>
    <rPh sb="0" eb="2">
      <t>タントウ</t>
    </rPh>
    <rPh sb="2" eb="4">
      <t>ブショ</t>
    </rPh>
    <phoneticPr fontId="6"/>
  </si>
  <si>
    <t>担当者氏名</t>
    <rPh sb="0" eb="3">
      <t>タントウシャ</t>
    </rPh>
    <rPh sb="3" eb="4">
      <t>シ</t>
    </rPh>
    <rPh sb="4" eb="5">
      <t>メイ</t>
    </rPh>
    <phoneticPr fontId="6"/>
  </si>
  <si>
    <t>電話番号</t>
    <rPh sb="0" eb="2">
      <t>デンワ</t>
    </rPh>
    <rPh sb="2" eb="4">
      <t>バンゴウ</t>
    </rPh>
    <phoneticPr fontId="6"/>
  </si>
  <si>
    <t>e-mail</t>
    <phoneticPr fontId="6"/>
  </si>
  <si>
    <t>区分</t>
    <rPh sb="0" eb="2">
      <t>クブン</t>
    </rPh>
    <phoneticPr fontId="6"/>
  </si>
  <si>
    <t>№</t>
    <phoneticPr fontId="6"/>
  </si>
  <si>
    <t>提出書類</t>
    <rPh sb="0" eb="2">
      <t>テイシュツ</t>
    </rPh>
    <rPh sb="2" eb="4">
      <t>ショルイ</t>
    </rPh>
    <phoneticPr fontId="6"/>
  </si>
  <si>
    <t>留意事項</t>
    <rPh sb="0" eb="2">
      <t>リュウイ</t>
    </rPh>
    <rPh sb="2" eb="4">
      <t>ジコウ</t>
    </rPh>
    <phoneticPr fontId="6"/>
  </si>
  <si>
    <t>必要部数</t>
    <rPh sb="0" eb="2">
      <t>ヒツヨウ</t>
    </rPh>
    <rPh sb="2" eb="4">
      <t>ブスウ</t>
    </rPh>
    <phoneticPr fontId="6"/>
  </si>
  <si>
    <t>提出ﾁｪｯｸ</t>
    <rPh sb="0" eb="2">
      <t>テイシュツ</t>
    </rPh>
    <phoneticPr fontId="6"/>
  </si>
  <si>
    <t>参加申込書類</t>
    <rPh sb="0" eb="2">
      <t>サンカ</t>
    </rPh>
    <rPh sb="2" eb="4">
      <t>モウシコミ</t>
    </rPh>
    <rPh sb="4" eb="6">
      <t>ショルイ</t>
    </rPh>
    <phoneticPr fontId="6"/>
  </si>
  <si>
    <t>参加申込書【様式１】</t>
    <rPh sb="0" eb="2">
      <t>サンカ</t>
    </rPh>
    <rPh sb="2" eb="4">
      <t>モウシコ</t>
    </rPh>
    <rPh sb="4" eb="5">
      <t>ショ</t>
    </rPh>
    <rPh sb="6" eb="8">
      <t>ヨウシキ</t>
    </rPh>
    <phoneticPr fontId="6"/>
  </si>
  <si>
    <t>本紙（提出書類一覧）に提出書類をチェックして添付すること</t>
    <rPh sb="0" eb="1">
      <t>ホン</t>
    </rPh>
    <rPh sb="1" eb="2">
      <t>カミ</t>
    </rPh>
    <rPh sb="3" eb="5">
      <t>テイシュツ</t>
    </rPh>
    <rPh sb="5" eb="7">
      <t>ショルイ</t>
    </rPh>
    <rPh sb="7" eb="9">
      <t>イチラン</t>
    </rPh>
    <rPh sb="11" eb="13">
      <t>テイシュツ</t>
    </rPh>
    <rPh sb="13" eb="15">
      <t>ショルイ</t>
    </rPh>
    <rPh sb="22" eb="24">
      <t>テンプ</t>
    </rPh>
    <phoneticPr fontId="6"/>
  </si>
  <si>
    <t>正1・副7</t>
    <rPh sb="0" eb="1">
      <t>セイ</t>
    </rPh>
    <rPh sb="3" eb="4">
      <t>フク</t>
    </rPh>
    <phoneticPr fontId="6"/>
  </si>
  <si>
    <t>□</t>
    <phoneticPr fontId="6"/>
  </si>
  <si>
    <t>誓約書【様式２】</t>
    <rPh sb="0" eb="2">
      <t>セイヤク</t>
    </rPh>
    <rPh sb="2" eb="3">
      <t>ショ</t>
    </rPh>
    <rPh sb="4" eb="6">
      <t>ヨウシキ</t>
    </rPh>
    <phoneticPr fontId="6"/>
  </si>
  <si>
    <t>法人に関する
書類</t>
    <rPh sb="0" eb="2">
      <t>ホウジン</t>
    </rPh>
    <rPh sb="3" eb="4">
      <t>カン</t>
    </rPh>
    <rPh sb="7" eb="9">
      <t>ショルイ</t>
    </rPh>
    <phoneticPr fontId="6"/>
  </si>
  <si>
    <t>法人の概要【様式３】</t>
    <rPh sb="0" eb="2">
      <t>ホウジン</t>
    </rPh>
    <rPh sb="3" eb="5">
      <t>ガイヨウ</t>
    </rPh>
    <rPh sb="6" eb="8">
      <t>ヨウシキ</t>
    </rPh>
    <phoneticPr fontId="6"/>
  </si>
  <si>
    <t>法人の沿革・概要等がわかるﾊﾟﾝﾌﾚｯﾄ等</t>
    <rPh sb="0" eb="2">
      <t>ホウジン</t>
    </rPh>
    <rPh sb="3" eb="5">
      <t>エンカク</t>
    </rPh>
    <rPh sb="6" eb="8">
      <t>ガイヨウ</t>
    </rPh>
    <rPh sb="8" eb="9">
      <t>トウ</t>
    </rPh>
    <rPh sb="20" eb="21">
      <t>トウ</t>
    </rPh>
    <phoneticPr fontId="6"/>
  </si>
  <si>
    <t>該当がある場合，様式自由</t>
    <rPh sb="0" eb="2">
      <t>ガイトウ</t>
    </rPh>
    <rPh sb="5" eb="7">
      <t>バアイ</t>
    </rPh>
    <rPh sb="8" eb="10">
      <t>ヨウシキ</t>
    </rPh>
    <rPh sb="10" eb="12">
      <t>ジユウ</t>
    </rPh>
    <phoneticPr fontId="6"/>
  </si>
  <si>
    <t>法人登記事項証明書</t>
    <rPh sb="0" eb="2">
      <t>ホウジン</t>
    </rPh>
    <rPh sb="2" eb="4">
      <t>トウキ</t>
    </rPh>
    <rPh sb="4" eb="6">
      <t>ジコウ</t>
    </rPh>
    <rPh sb="6" eb="9">
      <t>ショウメイショ</t>
    </rPh>
    <phoneticPr fontId="6"/>
  </si>
  <si>
    <t>定款・寄附行為等</t>
    <rPh sb="0" eb="2">
      <t>テイカン</t>
    </rPh>
    <rPh sb="3" eb="5">
      <t>キフ</t>
    </rPh>
    <rPh sb="5" eb="7">
      <t>コウイ</t>
    </rPh>
    <rPh sb="7" eb="8">
      <t>トウ</t>
    </rPh>
    <phoneticPr fontId="6"/>
  </si>
  <si>
    <t>写し</t>
    <rPh sb="0" eb="1">
      <t>ウツ</t>
    </rPh>
    <phoneticPr fontId="6"/>
  </si>
  <si>
    <t>法人代表者の履歴書【様式４】</t>
    <rPh sb="0" eb="2">
      <t>ホウジン</t>
    </rPh>
    <rPh sb="2" eb="5">
      <t>ダイヒョウシャ</t>
    </rPh>
    <rPh sb="6" eb="9">
      <t>リレキショ</t>
    </rPh>
    <rPh sb="10" eb="12">
      <t>ヨウシキ</t>
    </rPh>
    <phoneticPr fontId="6"/>
  </si>
  <si>
    <t>理事・役員等名簿【様式５】</t>
    <rPh sb="0" eb="2">
      <t>リジ</t>
    </rPh>
    <rPh sb="3" eb="5">
      <t>ヤクイン</t>
    </rPh>
    <rPh sb="5" eb="6">
      <t>トウ</t>
    </rPh>
    <rPh sb="6" eb="8">
      <t>メイボ</t>
    </rPh>
    <rPh sb="9" eb="11">
      <t>ヨウシキ</t>
    </rPh>
    <phoneticPr fontId="6"/>
  </si>
  <si>
    <t>組織体制に関する書類</t>
    <rPh sb="0" eb="2">
      <t>ソシキ</t>
    </rPh>
    <rPh sb="2" eb="4">
      <t>タイセイ</t>
    </rPh>
    <rPh sb="5" eb="6">
      <t>カン</t>
    </rPh>
    <rPh sb="8" eb="10">
      <t>ショルイ</t>
    </rPh>
    <phoneticPr fontId="6"/>
  </si>
  <si>
    <t>給与規程・就業規程</t>
    <rPh sb="0" eb="2">
      <t>キュウヨ</t>
    </rPh>
    <rPh sb="2" eb="4">
      <t>キテイ</t>
    </rPh>
    <rPh sb="5" eb="7">
      <t>シュウギョウ</t>
    </rPh>
    <rPh sb="7" eb="9">
      <t>キテイ</t>
    </rPh>
    <phoneticPr fontId="6"/>
  </si>
  <si>
    <t>事業計画に関する書類</t>
    <rPh sb="0" eb="2">
      <t>ジギョウ</t>
    </rPh>
    <rPh sb="2" eb="4">
      <t>ケイカク</t>
    </rPh>
    <rPh sb="5" eb="6">
      <t>カン</t>
    </rPh>
    <rPh sb="8" eb="10">
      <t>ショルイ</t>
    </rPh>
    <phoneticPr fontId="6"/>
  </si>
  <si>
    <t>位置図</t>
    <rPh sb="0" eb="2">
      <t>イチ</t>
    </rPh>
    <rPh sb="2" eb="3">
      <t>ズ</t>
    </rPh>
    <phoneticPr fontId="6"/>
  </si>
  <si>
    <t>配置図</t>
    <rPh sb="0" eb="2">
      <t>ハイチ</t>
    </rPh>
    <rPh sb="2" eb="3">
      <t>ズ</t>
    </rPh>
    <phoneticPr fontId="6"/>
  </si>
  <si>
    <t>様式自由　</t>
    <rPh sb="0" eb="2">
      <t>ヨウシキ</t>
    </rPh>
    <rPh sb="2" eb="4">
      <t>ジユウ</t>
    </rPh>
    <phoneticPr fontId="6"/>
  </si>
  <si>
    <t>平面図</t>
    <rPh sb="0" eb="3">
      <t>ヘイメンズ</t>
    </rPh>
    <phoneticPr fontId="6"/>
  </si>
  <si>
    <t>様式自由，各階毎に作成し、室名・面積・利用人数・非常口・避難経路を図示したもの</t>
    <rPh sb="0" eb="2">
      <t>ヨウシキ</t>
    </rPh>
    <rPh sb="2" eb="4">
      <t>ジユウ</t>
    </rPh>
    <rPh sb="5" eb="7">
      <t>カクカイ</t>
    </rPh>
    <rPh sb="7" eb="8">
      <t>ゴト</t>
    </rPh>
    <rPh sb="9" eb="11">
      <t>サクセイ</t>
    </rPh>
    <rPh sb="13" eb="14">
      <t>シツ</t>
    </rPh>
    <rPh sb="14" eb="15">
      <t>メイ</t>
    </rPh>
    <rPh sb="16" eb="18">
      <t>メンセキ</t>
    </rPh>
    <rPh sb="19" eb="21">
      <t>リヨウ</t>
    </rPh>
    <rPh sb="21" eb="23">
      <t>ニンズウ</t>
    </rPh>
    <rPh sb="24" eb="26">
      <t>ヒジョウ</t>
    </rPh>
    <rPh sb="26" eb="27">
      <t>クチ</t>
    </rPh>
    <rPh sb="28" eb="30">
      <t>ヒナン</t>
    </rPh>
    <rPh sb="30" eb="32">
      <t>ケイロ</t>
    </rPh>
    <rPh sb="33" eb="35">
      <t>ズシ</t>
    </rPh>
    <phoneticPr fontId="6"/>
  </si>
  <si>
    <t>立面図</t>
    <rPh sb="0" eb="3">
      <t>リツメンズ</t>
    </rPh>
    <phoneticPr fontId="6"/>
  </si>
  <si>
    <t>様式自由</t>
    <rPh sb="0" eb="2">
      <t>ヨウシキ</t>
    </rPh>
    <rPh sb="2" eb="4">
      <t>ジユウ</t>
    </rPh>
    <phoneticPr fontId="6"/>
  </si>
  <si>
    <t>現況写真</t>
    <rPh sb="0" eb="2">
      <t>ゲンキョウ</t>
    </rPh>
    <rPh sb="2" eb="4">
      <t>シャシン</t>
    </rPh>
    <phoneticPr fontId="6"/>
  </si>
  <si>
    <t>土地もしくは建物の写真，2方向以上の角度から撮影したもの</t>
    <rPh sb="0" eb="2">
      <t>トチ</t>
    </rPh>
    <rPh sb="6" eb="8">
      <t>タテモノ</t>
    </rPh>
    <rPh sb="9" eb="11">
      <t>シャシン</t>
    </rPh>
    <rPh sb="13" eb="15">
      <t>ホウコウ</t>
    </rPh>
    <rPh sb="15" eb="17">
      <t>イジョウ</t>
    </rPh>
    <rPh sb="18" eb="20">
      <t>カクド</t>
    </rPh>
    <rPh sb="22" eb="24">
      <t>サツエイ</t>
    </rPh>
    <phoneticPr fontId="6"/>
  </si>
  <si>
    <t>見積書</t>
    <rPh sb="0" eb="2">
      <t>ミツモリ</t>
    </rPh>
    <rPh sb="2" eb="3">
      <t>ショ</t>
    </rPh>
    <phoneticPr fontId="6"/>
  </si>
  <si>
    <t>設計業者等の押印のあるもの</t>
    <rPh sb="0" eb="2">
      <t>セッケイ</t>
    </rPh>
    <rPh sb="2" eb="4">
      <t>ギョウシャ</t>
    </rPh>
    <rPh sb="4" eb="5">
      <t>トウ</t>
    </rPh>
    <rPh sb="6" eb="8">
      <t>オウイン</t>
    </rPh>
    <phoneticPr fontId="6"/>
  </si>
  <si>
    <t>工程表</t>
    <rPh sb="0" eb="2">
      <t>コウテイ</t>
    </rPh>
    <rPh sb="2" eb="3">
      <t>ヒョウ</t>
    </rPh>
    <phoneticPr fontId="6"/>
  </si>
  <si>
    <t>週単位で記載し、事業者決定から開所までの事業計画のスケジュールがわかるもの</t>
    <rPh sb="0" eb="1">
      <t>シュウ</t>
    </rPh>
    <rPh sb="1" eb="3">
      <t>タンイ</t>
    </rPh>
    <rPh sb="4" eb="6">
      <t>キサイ</t>
    </rPh>
    <rPh sb="8" eb="11">
      <t>ジギョウシャ</t>
    </rPh>
    <rPh sb="9" eb="10">
      <t>キジ</t>
    </rPh>
    <rPh sb="11" eb="13">
      <t>ケッテイ</t>
    </rPh>
    <rPh sb="15" eb="17">
      <t>カイショ</t>
    </rPh>
    <rPh sb="20" eb="22">
      <t>ジギョウ</t>
    </rPh>
    <rPh sb="22" eb="24">
      <t>ケイカク</t>
    </rPh>
    <phoneticPr fontId="6"/>
  </si>
  <si>
    <t>賃貸借契約書</t>
    <rPh sb="0" eb="3">
      <t>チンタイシャク</t>
    </rPh>
    <rPh sb="3" eb="5">
      <t>ケイヤク</t>
    </rPh>
    <rPh sb="5" eb="6">
      <t>ショ</t>
    </rPh>
    <phoneticPr fontId="6"/>
  </si>
  <si>
    <t>土地及び建物を賃借している場合で既に賃貸借契約を締結している場合、その写し</t>
    <rPh sb="0" eb="2">
      <t>トチ</t>
    </rPh>
    <rPh sb="2" eb="3">
      <t>オヨ</t>
    </rPh>
    <rPh sb="4" eb="6">
      <t>タテモノ</t>
    </rPh>
    <rPh sb="7" eb="9">
      <t>チンシャク</t>
    </rPh>
    <rPh sb="13" eb="15">
      <t>バアイ</t>
    </rPh>
    <rPh sb="16" eb="17">
      <t>スデ</t>
    </rPh>
    <rPh sb="18" eb="21">
      <t>チンタイシャク</t>
    </rPh>
    <rPh sb="21" eb="23">
      <t>ケイヤク</t>
    </rPh>
    <rPh sb="24" eb="26">
      <t>テイケツ</t>
    </rPh>
    <rPh sb="30" eb="32">
      <t>バアイ</t>
    </rPh>
    <rPh sb="35" eb="36">
      <t>ウツ</t>
    </rPh>
    <phoneticPr fontId="6"/>
  </si>
  <si>
    <t>賃貸人から事業に供することを
認める同意書</t>
    <rPh sb="0" eb="2">
      <t>チンタイ</t>
    </rPh>
    <rPh sb="2" eb="3">
      <t>ニン</t>
    </rPh>
    <rPh sb="5" eb="7">
      <t>ジギョウ</t>
    </rPh>
    <rPh sb="8" eb="9">
      <t>キョウ</t>
    </rPh>
    <rPh sb="15" eb="16">
      <t>ミト</t>
    </rPh>
    <rPh sb="18" eb="21">
      <t>ドウイショ</t>
    </rPh>
    <phoneticPr fontId="6"/>
  </si>
  <si>
    <t>事業内容に関する書類</t>
    <rPh sb="0" eb="2">
      <t>ジギョウ</t>
    </rPh>
    <rPh sb="2" eb="4">
      <t>ナイヨウ</t>
    </rPh>
    <rPh sb="5" eb="6">
      <t>カン</t>
    </rPh>
    <rPh sb="8" eb="10">
      <t>ショルイ</t>
    </rPh>
    <phoneticPr fontId="6"/>
  </si>
  <si>
    <t>その他</t>
    <rPh sb="2" eb="3">
      <t>タ</t>
    </rPh>
    <phoneticPr fontId="6"/>
  </si>
  <si>
    <t>その他必要な書類</t>
    <rPh sb="2" eb="3">
      <t>タ</t>
    </rPh>
    <rPh sb="3" eb="5">
      <t>ヒツヨウ</t>
    </rPh>
    <rPh sb="6" eb="8">
      <t>ショルイ</t>
    </rPh>
    <phoneticPr fontId="6"/>
  </si>
  <si>
    <t>追加を求めた場合</t>
    <rPh sb="0" eb="2">
      <t>ツイカ</t>
    </rPh>
    <rPh sb="3" eb="4">
      <t>モト</t>
    </rPh>
    <rPh sb="6" eb="8">
      <t>バアイ</t>
    </rPh>
    <phoneticPr fontId="6"/>
  </si>
  <si>
    <t>※各様式は、必要に応じて枚数が増えても構いません</t>
    <rPh sb="1" eb="2">
      <t>カク</t>
    </rPh>
    <rPh sb="2" eb="4">
      <t>ヨウシキ</t>
    </rPh>
    <rPh sb="6" eb="8">
      <t>ヒツヨウ</t>
    </rPh>
    <rPh sb="9" eb="10">
      <t>オウ</t>
    </rPh>
    <rPh sb="12" eb="14">
      <t>マイスウ</t>
    </rPh>
    <rPh sb="15" eb="16">
      <t>フ</t>
    </rPh>
    <rPh sb="19" eb="20">
      <t>カマ</t>
    </rPh>
    <phoneticPr fontId="6"/>
  </si>
  <si>
    <t>様式１</t>
    <rPh sb="0" eb="2">
      <t>ヨウシキ</t>
    </rPh>
    <phoneticPr fontId="6"/>
  </si>
  <si>
    <t>伊丹市長　宛</t>
    <rPh sb="0" eb="2">
      <t>イタミ</t>
    </rPh>
    <rPh sb="2" eb="4">
      <t>シチョウ</t>
    </rPh>
    <rPh sb="5" eb="6">
      <t>アテ</t>
    </rPh>
    <phoneticPr fontId="6"/>
  </si>
  <si>
    <t>（申込者）</t>
    <rPh sb="1" eb="3">
      <t>モウシコミ</t>
    </rPh>
    <rPh sb="3" eb="4">
      <t>モノ</t>
    </rPh>
    <phoneticPr fontId="6"/>
  </si>
  <si>
    <t>電話番号</t>
    <rPh sb="0" eb="2">
      <t>デンワ</t>
    </rPh>
    <rPh sb="2" eb="3">
      <t>バン</t>
    </rPh>
    <rPh sb="3" eb="4">
      <t>ゴウ</t>
    </rPh>
    <phoneticPr fontId="6"/>
  </si>
  <si>
    <t>（担当者）</t>
    <rPh sb="1" eb="4">
      <t>タントウシャ</t>
    </rPh>
    <phoneticPr fontId="6"/>
  </si>
  <si>
    <t>ＦＡＸ</t>
    <phoneticPr fontId="6"/>
  </si>
  <si>
    <t>申請内容に虚偽があった場合には、本申請一切が取り消されることを承諾します。</t>
  </si>
  <si>
    <t>様式２</t>
    <rPh sb="0" eb="2">
      <t>ヨウシキ</t>
    </rPh>
    <phoneticPr fontId="6"/>
  </si>
  <si>
    <t>（誓約者）</t>
    <rPh sb="1" eb="3">
      <t>セイヤク</t>
    </rPh>
    <rPh sb="3" eb="4">
      <t>モノ</t>
    </rPh>
    <phoneticPr fontId="6"/>
  </si>
  <si>
    <t>生年月日</t>
    <rPh sb="0" eb="2">
      <t>セイネン</t>
    </rPh>
    <rPh sb="2" eb="4">
      <t>ガッピ</t>
    </rPh>
    <phoneticPr fontId="6"/>
  </si>
  <si>
    <t>年　　月　　日生</t>
    <rPh sb="0" eb="1">
      <t>ネン</t>
    </rPh>
    <rPh sb="3" eb="4">
      <t>ガツ</t>
    </rPh>
    <rPh sb="6" eb="7">
      <t>ヒ</t>
    </rPh>
    <rPh sb="7" eb="8">
      <t>ウ</t>
    </rPh>
    <phoneticPr fontId="6"/>
  </si>
  <si>
    <t>誓　約　書</t>
    <rPh sb="0" eb="1">
      <t>チカイ</t>
    </rPh>
    <rPh sb="2" eb="3">
      <t>ヤク</t>
    </rPh>
    <rPh sb="4" eb="5">
      <t>ショ</t>
    </rPh>
    <phoneticPr fontId="6"/>
  </si>
  <si>
    <t>記</t>
    <rPh sb="0" eb="1">
      <t>キ</t>
    </rPh>
    <phoneticPr fontId="6"/>
  </si>
  <si>
    <t>　</t>
  </si>
  <si>
    <t>様式３</t>
    <rPh sb="0" eb="2">
      <t>ヨウシキ</t>
    </rPh>
    <phoneticPr fontId="6"/>
  </si>
  <si>
    <t>法人の概要</t>
    <rPh sb="0" eb="2">
      <t>ホウジン</t>
    </rPh>
    <rPh sb="3" eb="5">
      <t>ガイヨウ</t>
    </rPh>
    <phoneticPr fontId="6"/>
  </si>
  <si>
    <t>フリガナ</t>
    <phoneticPr fontId="6"/>
  </si>
  <si>
    <t>法人名</t>
    <rPh sb="0" eb="2">
      <t>ホウジン</t>
    </rPh>
    <rPh sb="2" eb="3">
      <t>メイ</t>
    </rPh>
    <phoneticPr fontId="6"/>
  </si>
  <si>
    <t>所在地</t>
    <rPh sb="0" eb="3">
      <t>ショザイチ</t>
    </rPh>
    <phoneticPr fontId="6"/>
  </si>
  <si>
    <t>ファックス番号</t>
    <rPh sb="5" eb="7">
      <t>バンゴウ</t>
    </rPh>
    <phoneticPr fontId="6"/>
  </si>
  <si>
    <t>メールアドレス</t>
    <phoneticPr fontId="6"/>
  </si>
  <si>
    <t>事業者区分</t>
    <rPh sb="0" eb="3">
      <t>ジギョウシャ</t>
    </rPh>
    <rPh sb="3" eb="5">
      <t>クブン</t>
    </rPh>
    <phoneticPr fontId="6"/>
  </si>
  <si>
    <t>□社会福祉法人　　□学校法人　　□ＮＰＯ法人　　□株式会社
□取得見込（法人種別：　　　　　　　）　　□その他（　　　　　　　　　　　）</t>
    <rPh sb="1" eb="3">
      <t>シャカイ</t>
    </rPh>
    <rPh sb="3" eb="5">
      <t>フクシ</t>
    </rPh>
    <rPh sb="5" eb="7">
      <t>ホウジン</t>
    </rPh>
    <rPh sb="10" eb="12">
      <t>ガッコウ</t>
    </rPh>
    <rPh sb="12" eb="14">
      <t>ホウジン</t>
    </rPh>
    <rPh sb="20" eb="22">
      <t>ホウジン</t>
    </rPh>
    <rPh sb="25" eb="27">
      <t>カブシキ</t>
    </rPh>
    <rPh sb="27" eb="29">
      <t>カイシャ</t>
    </rPh>
    <rPh sb="31" eb="33">
      <t>シュトク</t>
    </rPh>
    <rPh sb="33" eb="35">
      <t>ミコ</t>
    </rPh>
    <rPh sb="36" eb="38">
      <t>ホウジン</t>
    </rPh>
    <rPh sb="38" eb="40">
      <t>シュベツ</t>
    </rPh>
    <rPh sb="54" eb="55">
      <t>タ</t>
    </rPh>
    <phoneticPr fontId="6"/>
  </si>
  <si>
    <t>社会福祉法人等の
認可日・番号等</t>
    <rPh sb="0" eb="2">
      <t>シャカイ</t>
    </rPh>
    <rPh sb="2" eb="4">
      <t>フクシ</t>
    </rPh>
    <rPh sb="4" eb="6">
      <t>ホウジン</t>
    </rPh>
    <rPh sb="6" eb="7">
      <t>トウ</t>
    </rPh>
    <rPh sb="9" eb="11">
      <t>ニンカ</t>
    </rPh>
    <rPh sb="11" eb="12">
      <t>ヒ</t>
    </rPh>
    <rPh sb="13" eb="15">
      <t>バンゴウ</t>
    </rPh>
    <rPh sb="15" eb="16">
      <t>トウ</t>
    </rPh>
    <phoneticPr fontId="6"/>
  </si>
  <si>
    <t>代表者</t>
    <rPh sb="0" eb="3">
      <t>ダイヒョウシャ</t>
    </rPh>
    <phoneticPr fontId="6"/>
  </si>
  <si>
    <t>住所</t>
    <rPh sb="0" eb="2">
      <t>ジュウショ</t>
    </rPh>
    <phoneticPr fontId="6"/>
  </si>
  <si>
    <t>氏名</t>
    <rPh sb="0" eb="2">
      <t>シメイ</t>
    </rPh>
    <phoneticPr fontId="6"/>
  </si>
  <si>
    <t>法人の経歴</t>
    <rPh sb="0" eb="2">
      <t>ホウジン</t>
    </rPh>
    <rPh sb="3" eb="5">
      <t>ケイレキ</t>
    </rPh>
    <phoneticPr fontId="6"/>
  </si>
  <si>
    <t>法人の実績</t>
    <rPh sb="0" eb="2">
      <t>ホウジン</t>
    </rPh>
    <rPh sb="3" eb="5">
      <t>ジッセキ</t>
    </rPh>
    <phoneticPr fontId="6"/>
  </si>
  <si>
    <t>施設名称</t>
    <rPh sb="0" eb="2">
      <t>シセツ</t>
    </rPh>
    <rPh sb="2" eb="4">
      <t>メイショウ</t>
    </rPh>
    <phoneticPr fontId="6"/>
  </si>
  <si>
    <t>施設の種別</t>
    <rPh sb="0" eb="2">
      <t>シセツ</t>
    </rPh>
    <rPh sb="3" eb="5">
      <t>シュベツ</t>
    </rPh>
    <phoneticPr fontId="6"/>
  </si>
  <si>
    <t>開設年月日</t>
    <rPh sb="0" eb="2">
      <t>カイセツ</t>
    </rPh>
    <rPh sb="2" eb="5">
      <t>ネンガッピ</t>
    </rPh>
    <phoneticPr fontId="6"/>
  </si>
  <si>
    <t>定員等</t>
    <rPh sb="0" eb="2">
      <t>テイイン</t>
    </rPh>
    <rPh sb="2" eb="3">
      <t>トウ</t>
    </rPh>
    <phoneticPr fontId="6"/>
  </si>
  <si>
    <t>職員数</t>
    <rPh sb="0" eb="2">
      <t>ショクイン</t>
    </rPh>
    <rPh sb="2" eb="3">
      <t>スウ</t>
    </rPh>
    <phoneticPr fontId="6"/>
  </si>
  <si>
    <t>その他の経営施設</t>
    <rPh sb="2" eb="3">
      <t>タ</t>
    </rPh>
    <rPh sb="4" eb="6">
      <t>ケイエイ</t>
    </rPh>
    <rPh sb="6" eb="8">
      <t>シセツ</t>
    </rPh>
    <phoneticPr fontId="6"/>
  </si>
  <si>
    <t>開所年月</t>
    <rPh sb="0" eb="2">
      <t>カイショ</t>
    </rPh>
    <rPh sb="2" eb="4">
      <t>ネンゲツ</t>
    </rPh>
    <phoneticPr fontId="6"/>
  </si>
  <si>
    <t>名称</t>
    <rPh sb="0" eb="2">
      <t>メイショウ</t>
    </rPh>
    <phoneticPr fontId="6"/>
  </si>
  <si>
    <t>備考</t>
    <rPh sb="0" eb="2">
      <t>ビコウ</t>
    </rPh>
    <phoneticPr fontId="6"/>
  </si>
  <si>
    <t>自己資金・長期借入等の状況</t>
    <rPh sb="0" eb="2">
      <t>ジコ</t>
    </rPh>
    <rPh sb="2" eb="4">
      <t>シキン</t>
    </rPh>
    <phoneticPr fontId="6"/>
  </si>
  <si>
    <t>直近預金残高</t>
  </si>
  <si>
    <t>円</t>
  </si>
  <si>
    <t>借入年度</t>
  </si>
  <si>
    <t>借　入　先</t>
  </si>
  <si>
    <t>借入金額</t>
  </si>
  <si>
    <t>借入残額</t>
  </si>
  <si>
    <t>残年数</t>
    <phoneticPr fontId="6"/>
  </si>
  <si>
    <t>充　当　先</t>
  </si>
  <si>
    <t>合　　計</t>
  </si>
  <si>
    <t>様式４</t>
    <rPh sb="0" eb="2">
      <t>ヨウシキ</t>
    </rPh>
    <phoneticPr fontId="6"/>
  </si>
  <si>
    <t>履歴書（代表者）</t>
    <rPh sb="0" eb="3">
      <t>リレキショ</t>
    </rPh>
    <rPh sb="4" eb="7">
      <t>ダイヒョウシャ</t>
    </rPh>
    <phoneticPr fontId="6"/>
  </si>
  <si>
    <t>フリガナ</t>
    <phoneticPr fontId="6"/>
  </si>
  <si>
    <t>　　年　　月　　日生
　　　　　　　（　　歳）</t>
    <rPh sb="2" eb="3">
      <t>ネン</t>
    </rPh>
    <rPh sb="5" eb="6">
      <t>ガツ</t>
    </rPh>
    <rPh sb="8" eb="9">
      <t>ヒ</t>
    </rPh>
    <rPh sb="9" eb="10">
      <t>セイ</t>
    </rPh>
    <rPh sb="21" eb="22">
      <t>サイ</t>
    </rPh>
    <phoneticPr fontId="6"/>
  </si>
  <si>
    <t>年　月</t>
    <rPh sb="0" eb="1">
      <t>ネン</t>
    </rPh>
    <rPh sb="2" eb="3">
      <t>ツキ</t>
    </rPh>
    <phoneticPr fontId="6"/>
  </si>
  <si>
    <t>～</t>
    <phoneticPr fontId="6"/>
  </si>
  <si>
    <t>学　歴</t>
    <rPh sb="0" eb="1">
      <t>ガク</t>
    </rPh>
    <rPh sb="2" eb="3">
      <t>レキ</t>
    </rPh>
    <phoneticPr fontId="6"/>
  </si>
  <si>
    <t>職　歴</t>
    <rPh sb="0" eb="1">
      <t>ショク</t>
    </rPh>
    <rPh sb="2" eb="3">
      <t>レキ</t>
    </rPh>
    <phoneticPr fontId="6"/>
  </si>
  <si>
    <t>勤務先</t>
    <rPh sb="0" eb="3">
      <t>キンムサキ</t>
    </rPh>
    <phoneticPr fontId="6"/>
  </si>
  <si>
    <t>職務内容</t>
    <rPh sb="0" eb="2">
      <t>ショクム</t>
    </rPh>
    <rPh sb="2" eb="4">
      <t>ナイヨウ</t>
    </rPh>
    <phoneticPr fontId="6"/>
  </si>
  <si>
    <t>社会活動歴</t>
    <rPh sb="0" eb="2">
      <t>シャカイ</t>
    </rPh>
    <rPh sb="2" eb="4">
      <t>カツドウ</t>
    </rPh>
    <rPh sb="4" eb="5">
      <t>レキ</t>
    </rPh>
    <phoneticPr fontId="6"/>
  </si>
  <si>
    <t>免許・資格</t>
    <rPh sb="0" eb="2">
      <t>メンキョ</t>
    </rPh>
    <rPh sb="3" eb="5">
      <t>シカク</t>
    </rPh>
    <phoneticPr fontId="6"/>
  </si>
  <si>
    <t>賞罰等</t>
    <rPh sb="0" eb="2">
      <t>ショウバツ</t>
    </rPh>
    <rPh sb="2" eb="3">
      <t>トウ</t>
    </rPh>
    <phoneticPr fontId="6"/>
  </si>
  <si>
    <t>様式６</t>
    <rPh sb="0" eb="2">
      <t>ヨウシキ</t>
    </rPh>
    <phoneticPr fontId="6"/>
  </si>
  <si>
    <t>様式７</t>
    <rPh sb="0" eb="2">
      <t>ヨウシキ</t>
    </rPh>
    <phoneticPr fontId="6"/>
  </si>
  <si>
    <t>履歴書（施設長予定者）</t>
    <rPh sb="0" eb="3">
      <t>リレキショ</t>
    </rPh>
    <rPh sb="4" eb="6">
      <t>シセツ</t>
    </rPh>
    <rPh sb="6" eb="7">
      <t>チョウ</t>
    </rPh>
    <rPh sb="7" eb="10">
      <t>ヨテイシャ</t>
    </rPh>
    <phoneticPr fontId="6"/>
  </si>
  <si>
    <t>　　年　　月　　日生
　　　　　　　（　　歳）</t>
    <rPh sb="2" eb="3">
      <t>ネン</t>
    </rPh>
    <rPh sb="5" eb="6">
      <t>ガツ</t>
    </rPh>
    <rPh sb="8" eb="9">
      <t>ヒ</t>
    </rPh>
    <rPh sb="9" eb="10">
      <t>セイ</t>
    </rPh>
    <rPh sb="21" eb="22">
      <t>サイ</t>
    </rPh>
    <phoneticPr fontId="6"/>
  </si>
  <si>
    <t>年　月</t>
    <rPh sb="0" eb="1">
      <t>ネン</t>
    </rPh>
    <rPh sb="2" eb="3">
      <t>ツキ</t>
    </rPh>
    <phoneticPr fontId="6"/>
  </si>
  <si>
    <t>～</t>
    <phoneticPr fontId="6"/>
  </si>
  <si>
    <t>学　歴</t>
    <rPh sb="0" eb="1">
      <t>ガク</t>
    </rPh>
    <rPh sb="2" eb="3">
      <t>レキ</t>
    </rPh>
    <phoneticPr fontId="6"/>
  </si>
  <si>
    <t>職　歴</t>
    <rPh sb="0" eb="1">
      <t>ショク</t>
    </rPh>
    <rPh sb="2" eb="3">
      <t>レキ</t>
    </rPh>
    <phoneticPr fontId="6"/>
  </si>
  <si>
    <t>社会活動歴</t>
    <rPh sb="0" eb="2">
      <t>シャカイ</t>
    </rPh>
    <rPh sb="2" eb="4">
      <t>カツドウ</t>
    </rPh>
    <rPh sb="4" eb="5">
      <t>レキ</t>
    </rPh>
    <phoneticPr fontId="6"/>
  </si>
  <si>
    <t>備考</t>
    <rPh sb="0" eb="2">
      <t>ビコウ</t>
    </rPh>
    <phoneticPr fontId="6"/>
  </si>
  <si>
    <t>様式８</t>
    <rPh sb="0" eb="2">
      <t>ヨウシキ</t>
    </rPh>
    <phoneticPr fontId="6"/>
  </si>
  <si>
    <t>企画提案書（職員配置等）</t>
    <rPh sb="0" eb="2">
      <t>キカク</t>
    </rPh>
    <rPh sb="2" eb="4">
      <t>テイアン</t>
    </rPh>
    <rPh sb="4" eb="5">
      <t>ショ</t>
    </rPh>
    <rPh sb="6" eb="8">
      <t>ショクイン</t>
    </rPh>
    <rPh sb="8" eb="10">
      <t>ハイチ</t>
    </rPh>
    <rPh sb="10" eb="11">
      <t>トウ</t>
    </rPh>
    <phoneticPr fontId="6"/>
  </si>
  <si>
    <t>（１）定員</t>
    <rPh sb="3" eb="5">
      <t>テイイン</t>
    </rPh>
    <phoneticPr fontId="6"/>
  </si>
  <si>
    <t>計</t>
    <rPh sb="0" eb="1">
      <t>ケイ</t>
    </rPh>
    <phoneticPr fontId="6"/>
  </si>
  <si>
    <t>定員設定</t>
    <rPh sb="0" eb="2">
      <t>テイイン</t>
    </rPh>
    <rPh sb="2" eb="4">
      <t>セッテイ</t>
    </rPh>
    <phoneticPr fontId="6"/>
  </si>
  <si>
    <t>必要数</t>
    <rPh sb="0" eb="2">
      <t>ヒツヨウ</t>
    </rPh>
    <rPh sb="2" eb="3">
      <t>スウ</t>
    </rPh>
    <phoneticPr fontId="6"/>
  </si>
  <si>
    <t>（２）職員配置予定について</t>
    <rPh sb="3" eb="5">
      <t>ショクイン</t>
    </rPh>
    <rPh sb="5" eb="7">
      <t>ハイチ</t>
    </rPh>
    <rPh sb="7" eb="9">
      <t>ヨテイ</t>
    </rPh>
    <phoneticPr fontId="6"/>
  </si>
  <si>
    <t>調理員</t>
    <rPh sb="0" eb="3">
      <t>チョウリイン</t>
    </rPh>
    <phoneticPr fontId="6"/>
  </si>
  <si>
    <t>事務員</t>
    <rPh sb="0" eb="2">
      <t>ジム</t>
    </rPh>
    <rPh sb="2" eb="3">
      <t>イン</t>
    </rPh>
    <phoneticPr fontId="6"/>
  </si>
  <si>
    <t>用務員
その他（　　）</t>
    <rPh sb="0" eb="3">
      <t>ヨウムイン</t>
    </rPh>
    <rPh sb="6" eb="7">
      <t>タ</t>
    </rPh>
    <phoneticPr fontId="6"/>
  </si>
  <si>
    <t>合計</t>
    <rPh sb="0" eb="2">
      <t>ゴウケイ</t>
    </rPh>
    <phoneticPr fontId="6"/>
  </si>
  <si>
    <t>常勤職員</t>
    <rPh sb="0" eb="2">
      <t>ジョウキン</t>
    </rPh>
    <rPh sb="2" eb="4">
      <t>ショクイン</t>
    </rPh>
    <phoneticPr fontId="6"/>
  </si>
  <si>
    <t>非常勤職員</t>
    <rPh sb="0" eb="3">
      <t>ヒジョウキン</t>
    </rPh>
    <rPh sb="3" eb="5">
      <t>ショクイン</t>
    </rPh>
    <phoneticPr fontId="6"/>
  </si>
  <si>
    <t>合　計</t>
    <rPh sb="0" eb="1">
      <t>ゴウ</t>
    </rPh>
    <rPh sb="2" eb="3">
      <t>ケイ</t>
    </rPh>
    <phoneticPr fontId="6"/>
  </si>
  <si>
    <t>調理員の資格保持者採用予定</t>
    <rPh sb="0" eb="3">
      <t>チョウリイン</t>
    </rPh>
    <rPh sb="4" eb="6">
      <t>シカク</t>
    </rPh>
    <rPh sb="6" eb="8">
      <t>ホジ</t>
    </rPh>
    <rPh sb="8" eb="9">
      <t>シャ</t>
    </rPh>
    <rPh sb="9" eb="11">
      <t>サイヨウ</t>
    </rPh>
    <rPh sb="11" eb="13">
      <t>ヨテイ</t>
    </rPh>
    <phoneticPr fontId="6"/>
  </si>
  <si>
    <t>栄養士資格を有する者　　名</t>
    <phoneticPr fontId="6"/>
  </si>
  <si>
    <t>調理師資格を有する者　　名</t>
    <rPh sb="0" eb="3">
      <t>チョウリシ</t>
    </rPh>
    <rPh sb="3" eb="5">
      <t>シカク</t>
    </rPh>
    <rPh sb="6" eb="7">
      <t>ユウ</t>
    </rPh>
    <rPh sb="9" eb="10">
      <t>モノ</t>
    </rPh>
    <rPh sb="12" eb="13">
      <t>メイ</t>
    </rPh>
    <phoneticPr fontId="6"/>
  </si>
  <si>
    <t>（３）勤務形態について</t>
    <rPh sb="3" eb="5">
      <t>キンム</t>
    </rPh>
    <rPh sb="5" eb="7">
      <t>ケイタイ</t>
    </rPh>
    <phoneticPr fontId="6"/>
  </si>
  <si>
    <t>（４）職員の確保状況と今後の確保に向けた具体的な方法</t>
    <rPh sb="3" eb="5">
      <t>ショクイン</t>
    </rPh>
    <rPh sb="6" eb="8">
      <t>カクホ</t>
    </rPh>
    <rPh sb="8" eb="10">
      <t>ジョウキョウ</t>
    </rPh>
    <rPh sb="11" eb="13">
      <t>コンゴ</t>
    </rPh>
    <rPh sb="14" eb="16">
      <t>カクホ</t>
    </rPh>
    <rPh sb="17" eb="18">
      <t>ム</t>
    </rPh>
    <rPh sb="20" eb="23">
      <t>グタイテキ</t>
    </rPh>
    <rPh sb="24" eb="26">
      <t>ホウホウ</t>
    </rPh>
    <phoneticPr fontId="6"/>
  </si>
  <si>
    <t>様式９</t>
    <rPh sb="0" eb="2">
      <t>ヨウシキ</t>
    </rPh>
    <phoneticPr fontId="6"/>
  </si>
  <si>
    <t>勤務者</t>
    <rPh sb="0" eb="3">
      <t>キンムシャ</t>
    </rPh>
    <phoneticPr fontId="6"/>
  </si>
  <si>
    <t>例）</t>
    <rPh sb="0" eb="1">
      <t>レイ</t>
    </rPh>
    <phoneticPr fontId="6"/>
  </si>
  <si>
    <t>■児童が定員通り入所し、開所時間を利用した場合の標準的な1日の配置をセルに着色して示してください。
　（全時間帯でフル入所の場合を想定して作成してください。）</t>
    <rPh sb="1" eb="3">
      <t>ジドウ</t>
    </rPh>
    <rPh sb="4" eb="6">
      <t>テイイン</t>
    </rPh>
    <rPh sb="6" eb="7">
      <t>トオ</t>
    </rPh>
    <rPh sb="8" eb="10">
      <t>ニュウショ</t>
    </rPh>
    <rPh sb="12" eb="14">
      <t>カイショ</t>
    </rPh>
    <rPh sb="14" eb="16">
      <t>ジカン</t>
    </rPh>
    <rPh sb="17" eb="19">
      <t>リヨウ</t>
    </rPh>
    <rPh sb="21" eb="23">
      <t>バアイ</t>
    </rPh>
    <rPh sb="24" eb="26">
      <t>ヒョウジュン</t>
    </rPh>
    <rPh sb="26" eb="27">
      <t>テキ</t>
    </rPh>
    <rPh sb="29" eb="30">
      <t>ニチ</t>
    </rPh>
    <rPh sb="31" eb="33">
      <t>ハイチ</t>
    </rPh>
    <rPh sb="37" eb="39">
      <t>チャクショク</t>
    </rPh>
    <rPh sb="41" eb="42">
      <t>シメ</t>
    </rPh>
    <rPh sb="52" eb="53">
      <t>ゼン</t>
    </rPh>
    <rPh sb="53" eb="56">
      <t>ジカンタイ</t>
    </rPh>
    <rPh sb="59" eb="61">
      <t>ニュウショ</t>
    </rPh>
    <rPh sb="62" eb="64">
      <t>バアイ</t>
    </rPh>
    <rPh sb="65" eb="67">
      <t>ソウテイ</t>
    </rPh>
    <rPh sb="69" eb="71">
      <t>サクセイ</t>
    </rPh>
    <phoneticPr fontId="6"/>
  </si>
  <si>
    <t>■保育従事者は必要に応じて、追加してください。</t>
    <rPh sb="1" eb="3">
      <t>ホイク</t>
    </rPh>
    <rPh sb="3" eb="6">
      <t>ジュウジシャ</t>
    </rPh>
    <rPh sb="7" eb="9">
      <t>ヒツヨウ</t>
    </rPh>
    <rPh sb="10" eb="11">
      <t>オウ</t>
    </rPh>
    <rPh sb="14" eb="16">
      <t>ツイカ</t>
    </rPh>
    <phoneticPr fontId="6"/>
  </si>
  <si>
    <t>様式１０</t>
    <rPh sb="0" eb="2">
      <t>ヨウシキ</t>
    </rPh>
    <phoneticPr fontId="6"/>
  </si>
  <si>
    <t>企画提案書（事業計画）</t>
    <rPh sb="0" eb="2">
      <t>キカク</t>
    </rPh>
    <rPh sb="2" eb="4">
      <t>テイアン</t>
    </rPh>
    <rPh sb="4" eb="5">
      <t>ショ</t>
    </rPh>
    <rPh sb="6" eb="8">
      <t>ジギョウ</t>
    </rPh>
    <rPh sb="8" eb="9">
      <t>ケイ</t>
    </rPh>
    <rPh sb="9" eb="10">
      <t>カク</t>
    </rPh>
    <phoneticPr fontId="6"/>
  </si>
  <si>
    <t>１．施設の規模・位置等</t>
    <rPh sb="2" eb="4">
      <t>シセツ</t>
    </rPh>
    <rPh sb="5" eb="7">
      <t>キボ</t>
    </rPh>
    <rPh sb="8" eb="10">
      <t>イチ</t>
    </rPh>
    <rPh sb="10" eb="11">
      <t>トウ</t>
    </rPh>
    <phoneticPr fontId="6"/>
  </si>
  <si>
    <t>施設設置
予定住所</t>
    <rPh sb="0" eb="2">
      <t>シセツ</t>
    </rPh>
    <rPh sb="2" eb="4">
      <t>セッチ</t>
    </rPh>
    <rPh sb="5" eb="7">
      <t>ヨテイ</t>
    </rPh>
    <rPh sb="7" eb="9">
      <t>ジュウショ</t>
    </rPh>
    <phoneticPr fontId="6"/>
  </si>
  <si>
    <t>【立地】最寄駅（鉄道）からの距離</t>
    <rPh sb="1" eb="3">
      <t>リッチ</t>
    </rPh>
    <rPh sb="4" eb="6">
      <t>モヨリ</t>
    </rPh>
    <rPh sb="6" eb="7">
      <t>エキ</t>
    </rPh>
    <rPh sb="8" eb="10">
      <t>テツドウ</t>
    </rPh>
    <rPh sb="14" eb="16">
      <t>キョリ</t>
    </rPh>
    <phoneticPr fontId="6"/>
  </si>
  <si>
    <t>最寄駅　　　　　　　駅から　　　　　ｍ（位置図にて図示すること）</t>
    <rPh sb="0" eb="2">
      <t>モヨリ</t>
    </rPh>
    <rPh sb="2" eb="3">
      <t>エキ</t>
    </rPh>
    <rPh sb="10" eb="11">
      <t>エキ</t>
    </rPh>
    <rPh sb="20" eb="22">
      <t>イチ</t>
    </rPh>
    <rPh sb="22" eb="23">
      <t>ズ</t>
    </rPh>
    <rPh sb="25" eb="27">
      <t>ズシ</t>
    </rPh>
    <phoneticPr fontId="6"/>
  </si>
  <si>
    <t>【土地の確保状況】</t>
    <rPh sb="1" eb="3">
      <t>トチ</t>
    </rPh>
    <rPh sb="4" eb="6">
      <t>カクホ</t>
    </rPh>
    <rPh sb="6" eb="8">
      <t>ジョウキョウ</t>
    </rPh>
    <phoneticPr fontId="6"/>
  </si>
  <si>
    <t>地番</t>
    <rPh sb="0" eb="2">
      <t>チバン</t>
    </rPh>
    <phoneticPr fontId="6"/>
  </si>
  <si>
    <t>地目</t>
    <rPh sb="0" eb="2">
      <t>チモク</t>
    </rPh>
    <phoneticPr fontId="6"/>
  </si>
  <si>
    <t>地積</t>
    <rPh sb="0" eb="2">
      <t>チセキ</t>
    </rPh>
    <phoneticPr fontId="6"/>
  </si>
  <si>
    <t>確保の方法</t>
    <rPh sb="0" eb="2">
      <t>カクホ</t>
    </rPh>
    <rPh sb="3" eb="5">
      <t>ホウホウ</t>
    </rPh>
    <phoneticPr fontId="6"/>
  </si>
  <si>
    <t>□所有　　□購入　　□贈与（贈与者：　　　　　　　）　　</t>
    <rPh sb="1" eb="3">
      <t>ショユウ</t>
    </rPh>
    <rPh sb="6" eb="8">
      <t>コウニュウ</t>
    </rPh>
    <rPh sb="11" eb="13">
      <t>ゾウヨ</t>
    </rPh>
    <rPh sb="14" eb="17">
      <t>ゾウヨシャ</t>
    </rPh>
    <phoneticPr fontId="6"/>
  </si>
  <si>
    <t>□賃貸借（無償　・　有償／賃料：　　　　　円/月）（期間：　　　　　年）　</t>
    <rPh sb="5" eb="7">
      <t>ムショウ</t>
    </rPh>
    <rPh sb="10" eb="12">
      <t>ユウショウ</t>
    </rPh>
    <rPh sb="23" eb="24">
      <t>ツキ</t>
    </rPh>
    <rPh sb="26" eb="28">
      <t>キカン</t>
    </rPh>
    <rPh sb="34" eb="35">
      <t>ネン</t>
    </rPh>
    <phoneticPr fontId="6"/>
  </si>
  <si>
    <t>　　　（貸主名：　　　　　　　　）　（地上権又は賃借権の登記：　有　・　無　）</t>
    <rPh sb="4" eb="6">
      <t>カシヌシ</t>
    </rPh>
    <rPh sb="6" eb="7">
      <t>メイ</t>
    </rPh>
    <rPh sb="19" eb="22">
      <t>チジョウケン</t>
    </rPh>
    <rPh sb="22" eb="23">
      <t>マタ</t>
    </rPh>
    <rPh sb="24" eb="26">
      <t>チンシャク</t>
    </rPh>
    <rPh sb="28" eb="30">
      <t>トウキ</t>
    </rPh>
    <rPh sb="32" eb="33">
      <t>ア</t>
    </rPh>
    <rPh sb="36" eb="37">
      <t>ナ</t>
    </rPh>
    <phoneticPr fontId="6"/>
  </si>
  <si>
    <t>□その他</t>
    <phoneticPr fontId="6"/>
  </si>
  <si>
    <t>既存建物の有無</t>
    <rPh sb="0" eb="2">
      <t>キゾン</t>
    </rPh>
    <rPh sb="2" eb="4">
      <t>タテモノ</t>
    </rPh>
    <rPh sb="5" eb="7">
      <t>ウム</t>
    </rPh>
    <phoneticPr fontId="6"/>
  </si>
  <si>
    <t>□無　　　□有（□取壊し予定（　　年　　月予定）　□残す）</t>
    <rPh sb="1" eb="2">
      <t>ナ</t>
    </rPh>
    <rPh sb="6" eb="7">
      <t>ア</t>
    </rPh>
    <rPh sb="9" eb="11">
      <t>トリコワ</t>
    </rPh>
    <rPh sb="12" eb="14">
      <t>ヨテイ</t>
    </rPh>
    <rPh sb="17" eb="18">
      <t>ネン</t>
    </rPh>
    <rPh sb="20" eb="21">
      <t>ガツ</t>
    </rPh>
    <rPh sb="21" eb="23">
      <t>ヨテイ</t>
    </rPh>
    <rPh sb="26" eb="27">
      <t>ノコ</t>
    </rPh>
    <phoneticPr fontId="6"/>
  </si>
  <si>
    <t>用途地域</t>
    <rPh sb="0" eb="2">
      <t>ヨウト</t>
    </rPh>
    <rPh sb="2" eb="4">
      <t>チイキ</t>
    </rPh>
    <phoneticPr fontId="6"/>
  </si>
  <si>
    <t>指定建ぺい率</t>
    <rPh sb="0" eb="2">
      <t>シテイ</t>
    </rPh>
    <rPh sb="2" eb="3">
      <t>ケン</t>
    </rPh>
    <rPh sb="5" eb="6">
      <t>リツ</t>
    </rPh>
    <phoneticPr fontId="6"/>
  </si>
  <si>
    <t>指定容積率</t>
    <rPh sb="0" eb="2">
      <t>シテイ</t>
    </rPh>
    <rPh sb="2" eb="4">
      <t>ヨウセキ</t>
    </rPh>
    <rPh sb="4" eb="5">
      <t>リツ</t>
    </rPh>
    <phoneticPr fontId="6"/>
  </si>
  <si>
    <t>都市計画事業の有無</t>
    <rPh sb="0" eb="2">
      <t>トシ</t>
    </rPh>
    <rPh sb="2" eb="4">
      <t>ケイカク</t>
    </rPh>
    <rPh sb="4" eb="6">
      <t>ジギョウ</t>
    </rPh>
    <rPh sb="7" eb="9">
      <t>ウム</t>
    </rPh>
    <phoneticPr fontId="6"/>
  </si>
  <si>
    <t>□計画あり　□計画なし　□事業中</t>
    <rPh sb="1" eb="2">
      <t>ケイ</t>
    </rPh>
    <rPh sb="2" eb="3">
      <t>カク</t>
    </rPh>
    <rPh sb="7" eb="8">
      <t>ケイ</t>
    </rPh>
    <rPh sb="8" eb="9">
      <t>カク</t>
    </rPh>
    <rPh sb="13" eb="15">
      <t>ジギョウ</t>
    </rPh>
    <rPh sb="15" eb="16">
      <t>チュウ</t>
    </rPh>
    <phoneticPr fontId="6"/>
  </si>
  <si>
    <t>抵当権の有無</t>
    <rPh sb="0" eb="2">
      <t>テイトウ</t>
    </rPh>
    <rPh sb="2" eb="3">
      <t>ケン</t>
    </rPh>
    <rPh sb="4" eb="6">
      <t>ウム</t>
    </rPh>
    <phoneticPr fontId="6"/>
  </si>
  <si>
    <t>□有　　□無</t>
    <rPh sb="1" eb="2">
      <t>ア</t>
    </rPh>
    <rPh sb="5" eb="6">
      <t>ナ</t>
    </rPh>
    <phoneticPr fontId="6"/>
  </si>
  <si>
    <t>前面道路</t>
    <rPh sb="0" eb="2">
      <t>ゼンメン</t>
    </rPh>
    <rPh sb="2" eb="4">
      <t>ドウロ</t>
    </rPh>
    <phoneticPr fontId="6"/>
  </si>
  <si>
    <t>　　　　　側幅員　　　　　ｍに　　　　　ｍ接道</t>
    <rPh sb="5" eb="6">
      <t>ガワ</t>
    </rPh>
    <rPh sb="6" eb="8">
      <t>フクイン</t>
    </rPh>
    <rPh sb="21" eb="23">
      <t>セツドウ</t>
    </rPh>
    <phoneticPr fontId="6"/>
  </si>
  <si>
    <t>その他特記事項</t>
    <rPh sb="2" eb="3">
      <t>タ</t>
    </rPh>
    <rPh sb="3" eb="5">
      <t>トッキ</t>
    </rPh>
    <rPh sb="5" eb="7">
      <t>ジコウ</t>
    </rPh>
    <phoneticPr fontId="6"/>
  </si>
  <si>
    <t>【建物の確保状況】</t>
    <rPh sb="1" eb="3">
      <t>タテモノ</t>
    </rPh>
    <rPh sb="4" eb="6">
      <t>カクホ</t>
    </rPh>
    <rPh sb="6" eb="8">
      <t>ジョウキョウ</t>
    </rPh>
    <phoneticPr fontId="6"/>
  </si>
  <si>
    <t>建物名及び階数</t>
    <rPh sb="0" eb="2">
      <t>タテモノ</t>
    </rPh>
    <rPh sb="2" eb="3">
      <t>メイ</t>
    </rPh>
    <rPh sb="3" eb="4">
      <t>オヨ</t>
    </rPh>
    <rPh sb="5" eb="7">
      <t>カイスウ</t>
    </rPh>
    <phoneticPr fontId="6"/>
  </si>
  <si>
    <t>床面積</t>
    <rPh sb="0" eb="1">
      <t>ユカ</t>
    </rPh>
    <rPh sb="1" eb="3">
      <t>メンセキ</t>
    </rPh>
    <phoneticPr fontId="6"/>
  </si>
  <si>
    <t>構造・耐火</t>
    <rPh sb="0" eb="2">
      <t>コウゾウ</t>
    </rPh>
    <rPh sb="3" eb="5">
      <t>タイカ</t>
    </rPh>
    <phoneticPr fontId="6"/>
  </si>
  <si>
    <t>□RC造 □鉄骨造 □木造 □その他（　　　）</t>
    <rPh sb="3" eb="4">
      <t>ゾウ</t>
    </rPh>
    <rPh sb="6" eb="8">
      <t>テッコツ</t>
    </rPh>
    <rPh sb="8" eb="9">
      <t>ゾウ</t>
    </rPh>
    <rPh sb="11" eb="13">
      <t>モクゾウ</t>
    </rPh>
    <rPh sb="17" eb="18">
      <t>タ</t>
    </rPh>
    <phoneticPr fontId="6"/>
  </si>
  <si>
    <t>所有者</t>
    <rPh sb="0" eb="3">
      <t>ショユウシャ</t>
    </rPh>
    <phoneticPr fontId="6"/>
  </si>
  <si>
    <t>□耐火建築物 □準耐火建築物 □非該当</t>
    <rPh sb="1" eb="3">
      <t>タイカ</t>
    </rPh>
    <rPh sb="3" eb="5">
      <t>ケンチク</t>
    </rPh>
    <rPh sb="5" eb="6">
      <t>ブツ</t>
    </rPh>
    <rPh sb="8" eb="9">
      <t>ジュン</t>
    </rPh>
    <rPh sb="9" eb="11">
      <t>タイカ</t>
    </rPh>
    <rPh sb="11" eb="13">
      <t>ケンチク</t>
    </rPh>
    <rPh sb="13" eb="14">
      <t>ブツ</t>
    </rPh>
    <rPh sb="16" eb="19">
      <t>ヒガイトウ</t>
    </rPh>
    <phoneticPr fontId="6"/>
  </si>
  <si>
    <t>□所有　□購入　□贈与（贈与者：　　　　　）</t>
    <rPh sb="1" eb="3">
      <t>ショユウ</t>
    </rPh>
    <rPh sb="5" eb="7">
      <t>コウニュウ</t>
    </rPh>
    <rPh sb="9" eb="11">
      <t>ゾウヨ</t>
    </rPh>
    <rPh sb="12" eb="15">
      <t>ゾウヨシャ</t>
    </rPh>
    <phoneticPr fontId="6"/>
  </si>
  <si>
    <t>□賃貸借（賃料：　　　　　　円/月・敷金　　　　　　　円）（期間：　　　　年）</t>
    <rPh sb="18" eb="20">
      <t>シキキン</t>
    </rPh>
    <rPh sb="27" eb="28">
      <t>エン</t>
    </rPh>
    <rPh sb="30" eb="32">
      <t>キカン</t>
    </rPh>
    <rPh sb="37" eb="38">
      <t>ネン</t>
    </rPh>
    <phoneticPr fontId="6"/>
  </si>
  <si>
    <t>　　　（貸主名：　　　　　　　　）　（地上権又は賃借権の登記：　有　・　無　）</t>
    <rPh sb="4" eb="6">
      <t>カシヌシ</t>
    </rPh>
    <rPh sb="6" eb="7">
      <t>メイ</t>
    </rPh>
    <rPh sb="19" eb="22">
      <t>チジョウケン</t>
    </rPh>
    <rPh sb="22" eb="23">
      <t>マタ</t>
    </rPh>
    <rPh sb="24" eb="27">
      <t>チンシャクケン</t>
    </rPh>
    <rPh sb="28" eb="30">
      <t>トウキ</t>
    </rPh>
    <rPh sb="32" eb="33">
      <t>ア</t>
    </rPh>
    <rPh sb="36" eb="37">
      <t>ナ</t>
    </rPh>
    <phoneticPr fontId="6"/>
  </si>
  <si>
    <t>□新設</t>
    <rPh sb="1" eb="2">
      <t>シン</t>
    </rPh>
    <rPh sb="2" eb="3">
      <t>セツ</t>
    </rPh>
    <phoneticPr fontId="6"/>
  </si>
  <si>
    <t>□その他　</t>
    <phoneticPr fontId="6"/>
  </si>
  <si>
    <t>賃貸借契約</t>
    <rPh sb="0" eb="3">
      <t>チンタイシャク</t>
    </rPh>
    <rPh sb="3" eb="5">
      <t>ケイヤク</t>
    </rPh>
    <phoneticPr fontId="6"/>
  </si>
  <si>
    <t>□済　　□交渉中　　□未</t>
    <rPh sb="1" eb="2">
      <t>ス</t>
    </rPh>
    <rPh sb="5" eb="7">
      <t>コウショウ</t>
    </rPh>
    <rPh sb="7" eb="8">
      <t>チュウ</t>
    </rPh>
    <rPh sb="11" eb="12">
      <t>ミ</t>
    </rPh>
    <phoneticPr fontId="6"/>
  </si>
  <si>
    <t>契約（予定）日</t>
    <rPh sb="0" eb="2">
      <t>ケイヤク</t>
    </rPh>
    <rPh sb="3" eb="5">
      <t>ヨテイ</t>
    </rPh>
    <rPh sb="6" eb="7">
      <t>ビ</t>
    </rPh>
    <phoneticPr fontId="6"/>
  </si>
  <si>
    <t>検査済証
年月日</t>
    <rPh sb="0" eb="2">
      <t>ケンサ</t>
    </rPh>
    <rPh sb="2" eb="3">
      <t>ス</t>
    </rPh>
    <rPh sb="5" eb="8">
      <t>ネンガッピ</t>
    </rPh>
    <phoneticPr fontId="6"/>
  </si>
  <si>
    <t>建築確認
年月日</t>
    <rPh sb="0" eb="2">
      <t>ケンチク</t>
    </rPh>
    <rPh sb="2" eb="4">
      <t>カクニン</t>
    </rPh>
    <rPh sb="5" eb="8">
      <t>ネンガッピ</t>
    </rPh>
    <phoneticPr fontId="6"/>
  </si>
  <si>
    <t>同一建物内の併設施設</t>
    <rPh sb="0" eb="2">
      <t>ドウイツ</t>
    </rPh>
    <rPh sb="2" eb="4">
      <t>タテモノ</t>
    </rPh>
    <rPh sb="4" eb="5">
      <t>ナイ</t>
    </rPh>
    <rPh sb="6" eb="8">
      <t>ヘイセツ</t>
    </rPh>
    <rPh sb="8" eb="10">
      <t>シセツ</t>
    </rPh>
    <phoneticPr fontId="6"/>
  </si>
  <si>
    <t>□有　　□無　　</t>
    <rPh sb="1" eb="2">
      <t>ア</t>
    </rPh>
    <rPh sb="5" eb="6">
      <t>ナ</t>
    </rPh>
    <phoneticPr fontId="6"/>
  </si>
  <si>
    <t>(有の場合、その名称・事業)</t>
    <phoneticPr fontId="6"/>
  </si>
  <si>
    <t>２．施設の概要</t>
    <rPh sb="2" eb="4">
      <t>シセツ</t>
    </rPh>
    <rPh sb="5" eb="7">
      <t>ガイヨウ</t>
    </rPh>
    <phoneticPr fontId="6"/>
  </si>
  <si>
    <t>敷地面積</t>
    <rPh sb="0" eb="2">
      <t>シキチ</t>
    </rPh>
    <rPh sb="2" eb="4">
      <t>メンセキ</t>
    </rPh>
    <phoneticPr fontId="6"/>
  </si>
  <si>
    <t>建築面積</t>
    <rPh sb="0" eb="2">
      <t>ケンチク</t>
    </rPh>
    <rPh sb="2" eb="4">
      <t>メンセキ</t>
    </rPh>
    <phoneticPr fontId="6"/>
  </si>
  <si>
    <t>延床面積</t>
    <rPh sb="0" eb="1">
      <t>ノ</t>
    </rPh>
    <rPh sb="1" eb="2">
      <t>ユカ</t>
    </rPh>
    <rPh sb="2" eb="4">
      <t>メンセキ</t>
    </rPh>
    <phoneticPr fontId="6"/>
  </si>
  <si>
    <r>
      <t xml:space="preserve">
</t>
    </r>
    <r>
      <rPr>
        <sz val="10"/>
        <color indexed="8"/>
        <rFont val="ＭＳ Ｐ明朝"/>
        <family val="1"/>
        <charset val="128"/>
      </rPr>
      <t>（うち賃貸の場合専有　 ㎡）</t>
    </r>
    <phoneticPr fontId="6"/>
  </si>
  <si>
    <t>構造</t>
    <rPh sb="0" eb="2">
      <t>コウゾウ</t>
    </rPh>
    <phoneticPr fontId="6"/>
  </si>
  <si>
    <t>　　造　　階建</t>
    <rPh sb="2" eb="3">
      <t>ゾウ</t>
    </rPh>
    <rPh sb="5" eb="6">
      <t>カイ</t>
    </rPh>
    <rPh sb="6" eb="7">
      <t>タ</t>
    </rPh>
    <phoneticPr fontId="6"/>
  </si>
  <si>
    <t>建物性能</t>
    <rPh sb="0" eb="2">
      <t>タテモノ</t>
    </rPh>
    <rPh sb="2" eb="4">
      <t>セイノウ</t>
    </rPh>
    <phoneticPr fontId="6"/>
  </si>
  <si>
    <t>□耐火　□準耐火　□非該当</t>
    <rPh sb="10" eb="13">
      <t>ヒガイトウ</t>
    </rPh>
    <phoneticPr fontId="6"/>
  </si>
  <si>
    <t>【面積内訳】</t>
    <rPh sb="1" eb="3">
      <t>メンセキ</t>
    </rPh>
    <rPh sb="3" eb="5">
      <t>ウチワケ</t>
    </rPh>
    <phoneticPr fontId="6"/>
  </si>
  <si>
    <t>室　名</t>
    <rPh sb="0" eb="1">
      <t>シツ</t>
    </rPh>
    <rPh sb="2" eb="3">
      <t>メイ</t>
    </rPh>
    <phoneticPr fontId="6"/>
  </si>
  <si>
    <t>面積（㎡）</t>
    <rPh sb="0" eb="2">
      <t>メンセキ</t>
    </rPh>
    <phoneticPr fontId="6"/>
  </si>
  <si>
    <t>一人あたり
の面積（㎡）</t>
    <rPh sb="0" eb="2">
      <t>ヒトリ</t>
    </rPh>
    <rPh sb="7" eb="9">
      <t>メンセキ</t>
    </rPh>
    <phoneticPr fontId="6"/>
  </si>
  <si>
    <t>備　考</t>
    <rPh sb="0" eb="1">
      <t>ソナエ</t>
    </rPh>
    <rPh sb="2" eb="3">
      <t>コウ</t>
    </rPh>
    <phoneticPr fontId="6"/>
  </si>
  <si>
    <t>事務室</t>
    <rPh sb="0" eb="3">
      <t>ジムシツ</t>
    </rPh>
    <phoneticPr fontId="6"/>
  </si>
  <si>
    <t>便所（児童用）</t>
    <rPh sb="0" eb="2">
      <t>ベンジョ</t>
    </rPh>
    <rPh sb="3" eb="5">
      <t>ジドウ</t>
    </rPh>
    <rPh sb="5" eb="6">
      <t>ヨウ</t>
    </rPh>
    <phoneticPr fontId="6"/>
  </si>
  <si>
    <t>便所（職員用）</t>
    <rPh sb="0" eb="2">
      <t>ベンジョ</t>
    </rPh>
    <rPh sb="3" eb="5">
      <t>ショクイン</t>
    </rPh>
    <rPh sb="5" eb="6">
      <t>ヨウ</t>
    </rPh>
    <phoneticPr fontId="6"/>
  </si>
  <si>
    <t>職員休憩・更衣室</t>
    <rPh sb="0" eb="2">
      <t>ショクイン</t>
    </rPh>
    <rPh sb="2" eb="4">
      <t>キュウケイ</t>
    </rPh>
    <rPh sb="5" eb="8">
      <t>コウイシツ</t>
    </rPh>
    <phoneticPr fontId="6"/>
  </si>
  <si>
    <t>調理設備</t>
    <rPh sb="0" eb="2">
      <t>チョウリ</t>
    </rPh>
    <rPh sb="2" eb="4">
      <t>セツビ</t>
    </rPh>
    <phoneticPr fontId="6"/>
  </si>
  <si>
    <t>【近隣対策】</t>
    <rPh sb="1" eb="3">
      <t>キンリン</t>
    </rPh>
    <rPh sb="3" eb="4">
      <t>タイ</t>
    </rPh>
    <rPh sb="4" eb="5">
      <t>サク</t>
    </rPh>
    <phoneticPr fontId="6"/>
  </si>
  <si>
    <t>送迎用
駐車場面積</t>
    <rPh sb="0" eb="2">
      <t>ソウゲイ</t>
    </rPh>
    <rPh sb="2" eb="3">
      <t>ヨウ</t>
    </rPh>
    <rPh sb="4" eb="6">
      <t>チュウシャ</t>
    </rPh>
    <rPh sb="6" eb="7">
      <t>ジョウ</t>
    </rPh>
    <rPh sb="7" eb="9">
      <t>メンセキ</t>
    </rPh>
    <phoneticPr fontId="6"/>
  </si>
  <si>
    <t xml:space="preserve">              ㎡（　　　　　　　台分）</t>
    <rPh sb="23" eb="24">
      <t>ダイ</t>
    </rPh>
    <rPh sb="24" eb="25">
      <t>ブン</t>
    </rPh>
    <phoneticPr fontId="6"/>
  </si>
  <si>
    <t>送迎用
駐輪場面積</t>
    <rPh sb="0" eb="2">
      <t>ソウゲイ</t>
    </rPh>
    <rPh sb="2" eb="3">
      <t>ヨウ</t>
    </rPh>
    <rPh sb="4" eb="6">
      <t>チュウリン</t>
    </rPh>
    <rPh sb="6" eb="7">
      <t>ジョウ</t>
    </rPh>
    <rPh sb="7" eb="9">
      <t>メンセキ</t>
    </rPh>
    <phoneticPr fontId="6"/>
  </si>
  <si>
    <t>㎡（　　　　　台分）</t>
    <rPh sb="7" eb="8">
      <t>ダイ</t>
    </rPh>
    <rPh sb="8" eb="9">
      <t>ブン</t>
    </rPh>
    <phoneticPr fontId="6"/>
  </si>
  <si>
    <t>建設時等の説明会の開催</t>
    <rPh sb="0" eb="2">
      <t>ケンセツ</t>
    </rPh>
    <rPh sb="2" eb="3">
      <t>ジ</t>
    </rPh>
    <rPh sb="3" eb="4">
      <t>トウ</t>
    </rPh>
    <rPh sb="5" eb="7">
      <t>セツメイ</t>
    </rPh>
    <rPh sb="7" eb="8">
      <t>カイ</t>
    </rPh>
    <rPh sb="9" eb="11">
      <t>カイサイ</t>
    </rPh>
    <phoneticPr fontId="6"/>
  </si>
  <si>
    <t>□実施する　□実施しない　□その他（　　　　　　）</t>
    <phoneticPr fontId="6"/>
  </si>
  <si>
    <t>情報提供方法</t>
    <rPh sb="0" eb="2">
      <t>ジョウホウ</t>
    </rPh>
    <rPh sb="2" eb="4">
      <t>テイキョウ</t>
    </rPh>
    <rPh sb="4" eb="6">
      <t>ホウホウ</t>
    </rPh>
    <phoneticPr fontId="6"/>
  </si>
  <si>
    <t>施設等の見学</t>
    <rPh sb="0" eb="2">
      <t>シセツ</t>
    </rPh>
    <rPh sb="2" eb="3">
      <t>トウ</t>
    </rPh>
    <rPh sb="4" eb="6">
      <t>ケンガク</t>
    </rPh>
    <phoneticPr fontId="6"/>
  </si>
  <si>
    <t>□実施する　□実施しない
□その他（　　　　　）</t>
    <rPh sb="1" eb="3">
      <t>ジッシ</t>
    </rPh>
    <rPh sb="7" eb="9">
      <t>ジッシ</t>
    </rPh>
    <rPh sb="16" eb="17">
      <t>タ</t>
    </rPh>
    <phoneticPr fontId="6"/>
  </si>
  <si>
    <t>【安全対策】</t>
    <rPh sb="1" eb="3">
      <t>アンゼン</t>
    </rPh>
    <rPh sb="3" eb="5">
      <t>タイサク</t>
    </rPh>
    <phoneticPr fontId="6"/>
  </si>
  <si>
    <t>消火設備の設置</t>
    <rPh sb="0" eb="2">
      <t>ショウカ</t>
    </rPh>
    <rPh sb="2" eb="4">
      <t>セツビ</t>
    </rPh>
    <rPh sb="5" eb="7">
      <t>セッチ</t>
    </rPh>
    <phoneticPr fontId="6"/>
  </si>
  <si>
    <t>□有（□消火器　□その他：　　　　　　）　□無</t>
    <rPh sb="1" eb="2">
      <t>ア</t>
    </rPh>
    <rPh sb="4" eb="7">
      <t>ショウカキ</t>
    </rPh>
    <rPh sb="11" eb="12">
      <t>タ</t>
    </rPh>
    <rPh sb="22" eb="23">
      <t>ナ</t>
    </rPh>
    <phoneticPr fontId="6"/>
  </si>
  <si>
    <t>警報・通報設備</t>
    <rPh sb="0" eb="2">
      <t>ケイホウ</t>
    </rPh>
    <rPh sb="3" eb="5">
      <t>ツウホウ</t>
    </rPh>
    <rPh sb="5" eb="7">
      <t>セツビ</t>
    </rPh>
    <phoneticPr fontId="6"/>
  </si>
  <si>
    <t>□火災報知機等非常警報器具または設備（　　　　　　　）
□消火機関へ火災を通報する設備（　　　　　　　　　　　）</t>
    <rPh sb="1" eb="3">
      <t>カサイ</t>
    </rPh>
    <rPh sb="3" eb="5">
      <t>ホウチ</t>
    </rPh>
    <rPh sb="5" eb="6">
      <t>キ</t>
    </rPh>
    <rPh sb="6" eb="7">
      <t>トウ</t>
    </rPh>
    <rPh sb="7" eb="9">
      <t>ヒジョウ</t>
    </rPh>
    <rPh sb="9" eb="11">
      <t>ケイホウ</t>
    </rPh>
    <rPh sb="11" eb="13">
      <t>キグ</t>
    </rPh>
    <rPh sb="16" eb="18">
      <t>セツビ</t>
    </rPh>
    <phoneticPr fontId="6"/>
  </si>
  <si>
    <t>避難器具</t>
    <rPh sb="0" eb="2">
      <t>ヒナン</t>
    </rPh>
    <rPh sb="2" eb="4">
      <t>キグ</t>
    </rPh>
    <phoneticPr fontId="6"/>
  </si>
  <si>
    <t>□有（　　　　　　　　　　　　　）　　□無</t>
    <rPh sb="1" eb="2">
      <t>ア</t>
    </rPh>
    <rPh sb="20" eb="21">
      <t>ナ</t>
    </rPh>
    <phoneticPr fontId="6"/>
  </si>
  <si>
    <t>玄関以外の非常口</t>
    <rPh sb="0" eb="2">
      <t>ゲンカン</t>
    </rPh>
    <rPh sb="2" eb="4">
      <t>イガイ</t>
    </rPh>
    <rPh sb="5" eb="7">
      <t>ヒジョウ</t>
    </rPh>
    <rPh sb="7" eb="8">
      <t>グチ</t>
    </rPh>
    <phoneticPr fontId="6"/>
  </si>
  <si>
    <t>□有　□無（無の場合、避難器具□有（　　　　　　）□無）</t>
    <rPh sb="1" eb="2">
      <t>ア</t>
    </rPh>
    <rPh sb="4" eb="5">
      <t>ナ</t>
    </rPh>
    <rPh sb="6" eb="7">
      <t>ナ</t>
    </rPh>
    <rPh sb="8" eb="10">
      <t>バアイ</t>
    </rPh>
    <rPh sb="11" eb="13">
      <t>ヒナン</t>
    </rPh>
    <rPh sb="13" eb="15">
      <t>キグ</t>
    </rPh>
    <rPh sb="16" eb="17">
      <t>ア</t>
    </rPh>
    <rPh sb="26" eb="27">
      <t>ナ</t>
    </rPh>
    <phoneticPr fontId="6"/>
  </si>
  <si>
    <t>□屋内階段（　箇所）　□屋外階段（　箇所）　□屋外傾斜路（耐火・準耐火）　</t>
    <rPh sb="1" eb="3">
      <t>オクナイ</t>
    </rPh>
    <rPh sb="3" eb="5">
      <t>カイダン</t>
    </rPh>
    <rPh sb="7" eb="9">
      <t>カショ</t>
    </rPh>
    <rPh sb="12" eb="14">
      <t>オクガイ</t>
    </rPh>
    <rPh sb="14" eb="16">
      <t>カイダン</t>
    </rPh>
    <rPh sb="18" eb="20">
      <t>カショ</t>
    </rPh>
    <rPh sb="23" eb="25">
      <t>オクガイ</t>
    </rPh>
    <rPh sb="25" eb="27">
      <t>ケイシャ</t>
    </rPh>
    <rPh sb="27" eb="28">
      <t>ロ</t>
    </rPh>
    <rPh sb="29" eb="31">
      <t>タイカ</t>
    </rPh>
    <rPh sb="32" eb="33">
      <t>ジュン</t>
    </rPh>
    <rPh sb="33" eb="35">
      <t>タイカ</t>
    </rPh>
    <phoneticPr fontId="6"/>
  </si>
  <si>
    <t>□その他避難器具（　　　　　　）□児童の出入り・通行する場所に転落防止設備</t>
    <rPh sb="3" eb="4">
      <t>タ</t>
    </rPh>
    <rPh sb="4" eb="6">
      <t>ヒナン</t>
    </rPh>
    <rPh sb="6" eb="8">
      <t>キグ</t>
    </rPh>
    <rPh sb="17" eb="19">
      <t>ジドウ</t>
    </rPh>
    <rPh sb="20" eb="22">
      <t>デイ</t>
    </rPh>
    <rPh sb="24" eb="26">
      <t>ツウコウ</t>
    </rPh>
    <rPh sb="28" eb="30">
      <t>バショ</t>
    </rPh>
    <rPh sb="31" eb="33">
      <t>テンラク</t>
    </rPh>
    <rPh sb="33" eb="35">
      <t>ボウシ</t>
    </rPh>
    <rPh sb="35" eb="37">
      <t>セツビ</t>
    </rPh>
    <phoneticPr fontId="6"/>
  </si>
  <si>
    <t>□有　□作成予定　□無</t>
    <rPh sb="1" eb="2">
      <t>ア</t>
    </rPh>
    <rPh sb="4" eb="6">
      <t>サクセイ</t>
    </rPh>
    <rPh sb="6" eb="8">
      <t>ヨテイ</t>
    </rPh>
    <rPh sb="10" eb="11">
      <t>ナ</t>
    </rPh>
    <phoneticPr fontId="6"/>
  </si>
  <si>
    <t>【整備計画詳細】</t>
    <rPh sb="1" eb="3">
      <t>セイビ</t>
    </rPh>
    <rPh sb="3" eb="5">
      <t>ケイカク</t>
    </rPh>
    <rPh sb="5" eb="7">
      <t>ショウサイ</t>
    </rPh>
    <phoneticPr fontId="6"/>
  </si>
  <si>
    <t>計画案詳細</t>
    <rPh sb="0" eb="2">
      <t>ケイカク</t>
    </rPh>
    <rPh sb="2" eb="3">
      <t>アン</t>
    </rPh>
    <rPh sb="3" eb="5">
      <t>ショウサイ</t>
    </rPh>
    <phoneticPr fontId="6"/>
  </si>
  <si>
    <t>※立図面等添付</t>
    <rPh sb="1" eb="2">
      <t>リツ</t>
    </rPh>
    <rPh sb="2" eb="4">
      <t>ズメン</t>
    </rPh>
    <rPh sb="4" eb="5">
      <t>トウ</t>
    </rPh>
    <rPh sb="5" eb="7">
      <t>テンプ</t>
    </rPh>
    <phoneticPr fontId="6"/>
  </si>
  <si>
    <t>開設資金計画書</t>
    <rPh sb="0" eb="2">
      <t>カイセツ</t>
    </rPh>
    <rPh sb="2" eb="4">
      <t>シキン</t>
    </rPh>
    <rPh sb="4" eb="7">
      <t>ケイカクショ</t>
    </rPh>
    <phoneticPr fontId="6"/>
  </si>
  <si>
    <t>■ 開設に係る事業費</t>
    <rPh sb="2" eb="4">
      <t>カイセツ</t>
    </rPh>
    <rPh sb="5" eb="6">
      <t>カカ</t>
    </rPh>
    <rPh sb="7" eb="10">
      <t>ジギョウヒ</t>
    </rPh>
    <phoneticPr fontId="6"/>
  </si>
  <si>
    <t>１．開設準備費用（支出）</t>
    <rPh sb="2" eb="4">
      <t>カイセツ</t>
    </rPh>
    <rPh sb="4" eb="6">
      <t>ジュンビ</t>
    </rPh>
    <rPh sb="6" eb="7">
      <t>ヒ</t>
    </rPh>
    <rPh sb="7" eb="8">
      <t>ヨウ</t>
    </rPh>
    <rPh sb="9" eb="11">
      <t>シシュツ</t>
    </rPh>
    <phoneticPr fontId="6"/>
  </si>
  <si>
    <t>金額</t>
    <rPh sb="0" eb="2">
      <t>キンガク</t>
    </rPh>
    <phoneticPr fontId="6"/>
  </si>
  <si>
    <t>整備費</t>
    <rPh sb="0" eb="3">
      <t>セイビヒ</t>
    </rPh>
    <phoneticPr fontId="6"/>
  </si>
  <si>
    <t>本体工事</t>
    <rPh sb="0" eb="2">
      <t>ホンタイ</t>
    </rPh>
    <rPh sb="2" eb="4">
      <t>コウジ</t>
    </rPh>
    <phoneticPr fontId="6"/>
  </si>
  <si>
    <t>建物工事</t>
    <rPh sb="0" eb="2">
      <t>タテモノ</t>
    </rPh>
    <rPh sb="2" eb="4">
      <t>コウジ</t>
    </rPh>
    <phoneticPr fontId="6"/>
  </si>
  <si>
    <t>設備工事</t>
    <rPh sb="0" eb="2">
      <t>セツビ</t>
    </rPh>
    <rPh sb="2" eb="4">
      <t>コウジ</t>
    </rPh>
    <phoneticPr fontId="6"/>
  </si>
  <si>
    <t>外構整備</t>
    <rPh sb="0" eb="2">
      <t>ガイコウ</t>
    </rPh>
    <rPh sb="2" eb="4">
      <t>セイビ</t>
    </rPh>
    <phoneticPr fontId="6"/>
  </si>
  <si>
    <t>その他工事</t>
    <rPh sb="2" eb="3">
      <t>タ</t>
    </rPh>
    <rPh sb="3" eb="5">
      <t>コウジ</t>
    </rPh>
    <phoneticPr fontId="6"/>
  </si>
  <si>
    <t>小計</t>
    <rPh sb="0" eb="2">
      <t>ショウケイ</t>
    </rPh>
    <phoneticPr fontId="6"/>
  </si>
  <si>
    <t>初度物品費（備品）</t>
    <rPh sb="0" eb="2">
      <t>ショド</t>
    </rPh>
    <rPh sb="2" eb="4">
      <t>ブッピン</t>
    </rPh>
    <rPh sb="4" eb="5">
      <t>ヒ</t>
    </rPh>
    <rPh sb="6" eb="8">
      <t>ビヒン</t>
    </rPh>
    <phoneticPr fontId="6"/>
  </si>
  <si>
    <t>購入費・賃借料</t>
    <rPh sb="0" eb="2">
      <t>コウニュウ</t>
    </rPh>
    <rPh sb="2" eb="3">
      <t>ヒ</t>
    </rPh>
    <rPh sb="4" eb="6">
      <t>チンシャク</t>
    </rPh>
    <rPh sb="6" eb="7">
      <t>リョウ</t>
    </rPh>
    <phoneticPr fontId="6"/>
  </si>
  <si>
    <t>土地</t>
    <rPh sb="0" eb="2">
      <t>トチ</t>
    </rPh>
    <phoneticPr fontId="6"/>
  </si>
  <si>
    <t>建物</t>
    <rPh sb="0" eb="2">
      <t>タテモノ</t>
    </rPh>
    <phoneticPr fontId="6"/>
  </si>
  <si>
    <t>開設までの</t>
    <rPh sb="0" eb="2">
      <t>カイセツ</t>
    </rPh>
    <phoneticPr fontId="6"/>
  </si>
  <si>
    <t>人件費</t>
    <rPh sb="0" eb="3">
      <t>ジンケンヒ</t>
    </rPh>
    <phoneticPr fontId="6"/>
  </si>
  <si>
    <t>研修費</t>
    <rPh sb="0" eb="3">
      <t>ケンシュウヒ</t>
    </rPh>
    <phoneticPr fontId="6"/>
  </si>
  <si>
    <t>開設後運転資金</t>
    <rPh sb="0" eb="2">
      <t>カイセツ</t>
    </rPh>
    <rPh sb="2" eb="3">
      <t>ゴ</t>
    </rPh>
    <rPh sb="3" eb="5">
      <t>ウンテン</t>
    </rPh>
    <rPh sb="5" eb="7">
      <t>シキン</t>
    </rPh>
    <phoneticPr fontId="6"/>
  </si>
  <si>
    <t>２．資金調達（収入）</t>
    <rPh sb="2" eb="4">
      <t>シキン</t>
    </rPh>
    <rPh sb="4" eb="6">
      <t>チョウタツ</t>
    </rPh>
    <rPh sb="7" eb="9">
      <t>シュウニュウ</t>
    </rPh>
    <phoneticPr fontId="6"/>
  </si>
  <si>
    <t>法人自己資金</t>
    <rPh sb="0" eb="2">
      <t>ホウジン</t>
    </rPh>
    <rPh sb="2" eb="4">
      <t>ジコ</t>
    </rPh>
    <rPh sb="4" eb="6">
      <t>シキン</t>
    </rPh>
    <phoneticPr fontId="6"/>
  </si>
  <si>
    <t>借入金※1</t>
    <rPh sb="0" eb="1">
      <t>カ</t>
    </rPh>
    <rPh sb="1" eb="2">
      <t>イ</t>
    </rPh>
    <rPh sb="2" eb="3">
      <t>キン</t>
    </rPh>
    <phoneticPr fontId="6"/>
  </si>
  <si>
    <t>補助金</t>
    <rPh sb="0" eb="3">
      <t>ホジョキン</t>
    </rPh>
    <phoneticPr fontId="6"/>
  </si>
  <si>
    <t>寄附金※2</t>
    <rPh sb="0" eb="3">
      <t>キフキン</t>
    </rPh>
    <phoneticPr fontId="6"/>
  </si>
  <si>
    <t>その他（　　　　　　　）　　　　　　</t>
    <rPh sb="2" eb="3">
      <t>タ</t>
    </rPh>
    <phoneticPr fontId="6"/>
  </si>
  <si>
    <t>※1　借入金（内訳）</t>
    <rPh sb="3" eb="5">
      <t>カリイレ</t>
    </rPh>
    <rPh sb="5" eb="6">
      <t>キン</t>
    </rPh>
    <rPh sb="7" eb="9">
      <t>ウチワケ</t>
    </rPh>
    <phoneticPr fontId="6"/>
  </si>
  <si>
    <t>借入先</t>
    <rPh sb="0" eb="1">
      <t>カ</t>
    </rPh>
    <rPh sb="1" eb="2">
      <t>イ</t>
    </rPh>
    <rPh sb="2" eb="3">
      <t>サキ</t>
    </rPh>
    <phoneticPr fontId="6"/>
  </si>
  <si>
    <t>元金</t>
    <rPh sb="0" eb="2">
      <t>ガンキン</t>
    </rPh>
    <phoneticPr fontId="6"/>
  </si>
  <si>
    <t>利息</t>
    <rPh sb="0" eb="2">
      <t>リソク</t>
    </rPh>
    <phoneticPr fontId="6"/>
  </si>
  <si>
    <t>償還年限</t>
    <rPh sb="0" eb="2">
      <t>ショウカン</t>
    </rPh>
    <rPh sb="2" eb="4">
      <t>ネンゲン</t>
    </rPh>
    <phoneticPr fontId="6"/>
  </si>
  <si>
    <t>最高年間償還額</t>
    <rPh sb="0" eb="2">
      <t>サイコウ</t>
    </rPh>
    <rPh sb="2" eb="4">
      <t>ネンカン</t>
    </rPh>
    <rPh sb="4" eb="6">
      <t>ショウカン</t>
    </rPh>
    <rPh sb="6" eb="7">
      <t>ガク</t>
    </rPh>
    <phoneticPr fontId="6"/>
  </si>
  <si>
    <t>※2　寄附金</t>
    <rPh sb="3" eb="6">
      <t>キフキン</t>
    </rPh>
    <phoneticPr fontId="6"/>
  </si>
  <si>
    <t>寄附者氏名</t>
    <rPh sb="0" eb="2">
      <t>キフ</t>
    </rPh>
    <rPh sb="2" eb="3">
      <t>シャ</t>
    </rPh>
    <rPh sb="3" eb="5">
      <t>シメイ</t>
    </rPh>
    <phoneticPr fontId="6"/>
  </si>
  <si>
    <t>職業</t>
    <rPh sb="0" eb="2">
      <t>ショクギョウ</t>
    </rPh>
    <phoneticPr fontId="6"/>
  </si>
  <si>
    <t>法人との関係</t>
    <rPh sb="0" eb="2">
      <t>ホウジン</t>
    </rPh>
    <rPh sb="4" eb="6">
      <t>カンケイ</t>
    </rPh>
    <phoneticPr fontId="6"/>
  </si>
  <si>
    <t>寄付金額</t>
    <rPh sb="0" eb="2">
      <t>キフ</t>
    </rPh>
    <rPh sb="2" eb="3">
      <t>キン</t>
    </rPh>
    <rPh sb="3" eb="4">
      <t>ガク</t>
    </rPh>
    <phoneticPr fontId="6"/>
  </si>
  <si>
    <t>その他（年収、残高等）</t>
    <rPh sb="2" eb="3">
      <t>タ</t>
    </rPh>
    <rPh sb="4" eb="6">
      <t>ネンシュウ</t>
    </rPh>
    <rPh sb="7" eb="10">
      <t>ザンダカナド</t>
    </rPh>
    <phoneticPr fontId="6"/>
  </si>
  <si>
    <t>様式１２</t>
    <rPh sb="0" eb="2">
      <t>ヨウシキ</t>
    </rPh>
    <phoneticPr fontId="6"/>
  </si>
  <si>
    <t>様式１３</t>
    <rPh sb="0" eb="2">
      <t>ヨウシキ</t>
    </rPh>
    <phoneticPr fontId="6"/>
  </si>
  <si>
    <t>借入金償還計画書</t>
    <rPh sb="0" eb="2">
      <t>カリイレ</t>
    </rPh>
    <rPh sb="2" eb="3">
      <t>キン</t>
    </rPh>
    <rPh sb="3" eb="5">
      <t>ショウカン</t>
    </rPh>
    <rPh sb="5" eb="8">
      <t>ケイカクショ</t>
    </rPh>
    <phoneticPr fontId="6"/>
  </si>
  <si>
    <t>【貸付利率：　　　　％】</t>
    <rPh sb="1" eb="3">
      <t>カシツケ</t>
    </rPh>
    <rPh sb="3" eb="5">
      <t>リリツ</t>
    </rPh>
    <phoneticPr fontId="6"/>
  </si>
  <si>
    <t>（単位：円）</t>
    <rPh sb="1" eb="3">
      <t>タンイ</t>
    </rPh>
    <rPh sb="4" eb="5">
      <t>エン</t>
    </rPh>
    <phoneticPr fontId="6"/>
  </si>
  <si>
    <t>償還年次</t>
    <rPh sb="0" eb="2">
      <t>ショウカン</t>
    </rPh>
    <rPh sb="2" eb="4">
      <t>ネンジ</t>
    </rPh>
    <phoneticPr fontId="6"/>
  </si>
  <si>
    <t>償還額</t>
    <rPh sb="0" eb="2">
      <t>ショウカン</t>
    </rPh>
    <rPh sb="2" eb="3">
      <t>ガク</t>
    </rPh>
    <phoneticPr fontId="6"/>
  </si>
  <si>
    <t>償還額に対する贈与等充当額</t>
    <rPh sb="0" eb="2">
      <t>ショウカン</t>
    </rPh>
    <rPh sb="2" eb="3">
      <t>ガク</t>
    </rPh>
    <rPh sb="4" eb="5">
      <t>タイ</t>
    </rPh>
    <rPh sb="7" eb="10">
      <t>ゾウヨトウ</t>
    </rPh>
    <rPh sb="10" eb="12">
      <t>ジュウトウ</t>
    </rPh>
    <rPh sb="12" eb="13">
      <t>ガク</t>
    </rPh>
    <phoneticPr fontId="6"/>
  </si>
  <si>
    <t>元金残高</t>
    <rPh sb="0" eb="2">
      <t>ガンキン</t>
    </rPh>
    <rPh sb="2" eb="4">
      <t>ザンダカ</t>
    </rPh>
    <phoneticPr fontId="6"/>
  </si>
  <si>
    <t>償還残高</t>
    <rPh sb="0" eb="2">
      <t>ショウカン</t>
    </rPh>
    <rPh sb="2" eb="4">
      <t>ザンダカ</t>
    </rPh>
    <phoneticPr fontId="6"/>
  </si>
  <si>
    <t>利子</t>
    <rPh sb="0" eb="2">
      <t>リシ</t>
    </rPh>
    <phoneticPr fontId="6"/>
  </si>
  <si>
    <t>財源</t>
    <rPh sb="0" eb="2">
      <t>ザイゲン</t>
    </rPh>
    <phoneticPr fontId="6"/>
  </si>
  <si>
    <t>■端数は初年度に計上</t>
    <rPh sb="1" eb="3">
      <t>ハスウ</t>
    </rPh>
    <rPh sb="4" eb="7">
      <t>ショネンド</t>
    </rPh>
    <rPh sb="8" eb="10">
      <t>ケイジョウ</t>
    </rPh>
    <phoneticPr fontId="6"/>
  </si>
  <si>
    <t>様式１４</t>
    <rPh sb="0" eb="2">
      <t>ヨウシキ</t>
    </rPh>
    <phoneticPr fontId="6"/>
  </si>
  <si>
    <t>企画提案書（事業内容）</t>
    <rPh sb="0" eb="2">
      <t>キカク</t>
    </rPh>
    <rPh sb="2" eb="4">
      <t>テイアン</t>
    </rPh>
    <rPh sb="4" eb="5">
      <t>ショ</t>
    </rPh>
    <rPh sb="6" eb="8">
      <t>ジギョウ</t>
    </rPh>
    <rPh sb="8" eb="10">
      <t>ナイヨウ</t>
    </rPh>
    <phoneticPr fontId="6"/>
  </si>
  <si>
    <t>２．保育内容について</t>
    <rPh sb="2" eb="4">
      <t>ホイク</t>
    </rPh>
    <rPh sb="4" eb="6">
      <t>ナイヨウ</t>
    </rPh>
    <phoneticPr fontId="6"/>
  </si>
  <si>
    <t>□実施する　□実施しない</t>
    <phoneticPr fontId="6"/>
  </si>
  <si>
    <t>（８）保育所開所時間</t>
    <rPh sb="3" eb="5">
      <t>ホイク</t>
    </rPh>
    <rPh sb="5" eb="6">
      <t>ショ</t>
    </rPh>
    <rPh sb="6" eb="8">
      <t>カイショ</t>
    </rPh>
    <rPh sb="8" eb="10">
      <t>ジカン</t>
    </rPh>
    <phoneticPr fontId="6"/>
  </si>
  <si>
    <t>　　　　時　　分から　　　時　　　分まで（延長保育：　　　　　　　　　　）</t>
    <rPh sb="4" eb="5">
      <t>ジ</t>
    </rPh>
    <rPh sb="7" eb="8">
      <t>フン</t>
    </rPh>
    <rPh sb="13" eb="14">
      <t>ジ</t>
    </rPh>
    <rPh sb="17" eb="18">
      <t>フン</t>
    </rPh>
    <rPh sb="21" eb="23">
      <t>エンチョウ</t>
    </rPh>
    <rPh sb="23" eb="25">
      <t>ホイク</t>
    </rPh>
    <phoneticPr fontId="6"/>
  </si>
  <si>
    <t>辞　退　届</t>
    <rPh sb="0" eb="1">
      <t>ジ</t>
    </rPh>
    <rPh sb="2" eb="3">
      <t>タイ</t>
    </rPh>
    <rPh sb="4" eb="5">
      <t>トドケ</t>
    </rPh>
    <phoneticPr fontId="6"/>
  </si>
  <si>
    <t>（理由）</t>
    <rPh sb="1" eb="2">
      <t>リ</t>
    </rPh>
    <rPh sb="2" eb="3">
      <t>ヨシ</t>
    </rPh>
    <phoneticPr fontId="6"/>
  </si>
  <si>
    <t>（提出者）</t>
    <rPh sb="1" eb="3">
      <t>テイシュツ</t>
    </rPh>
    <rPh sb="3" eb="4">
      <t>モノ</t>
    </rPh>
    <phoneticPr fontId="6"/>
  </si>
  <si>
    <t>既に実施したこと</t>
    <rPh sb="0" eb="1">
      <t>スデ</t>
    </rPh>
    <rPh sb="2" eb="4">
      <t>ジッシ</t>
    </rPh>
    <phoneticPr fontId="4"/>
  </si>
  <si>
    <t xml:space="preserve">近隣対策の実施内容
</t>
    <rPh sb="0" eb="2">
      <t>キンリン</t>
    </rPh>
    <rPh sb="2" eb="4">
      <t>タイサク</t>
    </rPh>
    <rPh sb="5" eb="7">
      <t>ジッシ</t>
    </rPh>
    <rPh sb="7" eb="9">
      <t>ナイヨウ</t>
    </rPh>
    <phoneticPr fontId="6"/>
  </si>
  <si>
    <t>今後実施すること（時期や内容等を具体的に記入）　　※必ず実施すること　</t>
    <rPh sb="0" eb="2">
      <t>コンゴ</t>
    </rPh>
    <rPh sb="2" eb="4">
      <t>ジッシ</t>
    </rPh>
    <rPh sb="9" eb="11">
      <t>ジキ</t>
    </rPh>
    <rPh sb="12" eb="14">
      <t>ナイヨウ</t>
    </rPh>
    <rPh sb="14" eb="15">
      <t>トウ</t>
    </rPh>
    <rPh sb="16" eb="19">
      <t>グタイテキ</t>
    </rPh>
    <rPh sb="20" eb="22">
      <t>キニュウ</t>
    </rPh>
    <rPh sb="26" eb="27">
      <t>カナラ</t>
    </rPh>
    <rPh sb="28" eb="30">
      <t>ジッシ</t>
    </rPh>
    <phoneticPr fontId="4"/>
  </si>
  <si>
    <t>＠〇〇円×月数（前払い含む）</t>
    <rPh sb="3" eb="4">
      <t>エン</t>
    </rPh>
    <rPh sb="5" eb="7">
      <t>ツキスウ</t>
    </rPh>
    <rPh sb="8" eb="10">
      <t>マエバラ</t>
    </rPh>
    <rPh sb="11" eb="12">
      <t>フク</t>
    </rPh>
    <phoneticPr fontId="4"/>
  </si>
  <si>
    <t>実施設計料</t>
    <rPh sb="0" eb="2">
      <t>ジッシ</t>
    </rPh>
    <rPh sb="2" eb="4">
      <t>セッケイ</t>
    </rPh>
    <rPh sb="4" eb="5">
      <t>リョウ</t>
    </rPh>
    <phoneticPr fontId="4"/>
  </si>
  <si>
    <t>基本設計料</t>
    <rPh sb="0" eb="2">
      <t>キホン</t>
    </rPh>
    <rPh sb="2" eb="4">
      <t>セッケイ</t>
    </rPh>
    <rPh sb="4" eb="5">
      <t>リョウ</t>
    </rPh>
    <phoneticPr fontId="4"/>
  </si>
  <si>
    <t>工事監理料</t>
    <rPh sb="0" eb="2">
      <t>コウジ</t>
    </rPh>
    <rPh sb="2" eb="4">
      <t>カンリ</t>
    </rPh>
    <rPh sb="4" eb="5">
      <t>リョウ</t>
    </rPh>
    <phoneticPr fontId="6"/>
  </si>
  <si>
    <t>　　　　年　　月　　日</t>
    <rPh sb="4" eb="5">
      <t>ネン</t>
    </rPh>
    <rPh sb="7" eb="8">
      <t>ガツ</t>
    </rPh>
    <rPh sb="10" eb="11">
      <t>ニチ</t>
    </rPh>
    <phoneticPr fontId="6"/>
  </si>
  <si>
    <t>□ホームページ 　□ちらし 
□個別訪問　□その他（　　　）</t>
    <rPh sb="16" eb="18">
      <t>コベツ</t>
    </rPh>
    <rPh sb="18" eb="20">
      <t>ホウモン</t>
    </rPh>
    <rPh sb="24" eb="25">
      <t>タ</t>
    </rPh>
    <phoneticPr fontId="6"/>
  </si>
  <si>
    <t>（令和  年  月  日現在）</t>
    <rPh sb="1" eb="3">
      <t>レイワ</t>
    </rPh>
    <rPh sb="5" eb="6">
      <t>ネン</t>
    </rPh>
    <rPh sb="8" eb="9">
      <t>ガツ</t>
    </rPh>
    <rPh sb="11" eb="12">
      <t>ニチ</t>
    </rPh>
    <phoneticPr fontId="6"/>
  </si>
  <si>
    <t>※工程表添付</t>
    <rPh sb="1" eb="4">
      <t>コウテイヒョウ</t>
    </rPh>
    <rPh sb="4" eb="6">
      <t>テンプ</t>
    </rPh>
    <phoneticPr fontId="6"/>
  </si>
  <si>
    <t>決算報告書（直近1ヵ年分）</t>
    <rPh sb="0" eb="2">
      <t>ケッサン</t>
    </rPh>
    <rPh sb="2" eb="4">
      <t>ホウコク</t>
    </rPh>
    <rPh sb="4" eb="5">
      <t>ショ</t>
    </rPh>
    <rPh sb="6" eb="8">
      <t>チョッキン</t>
    </rPh>
    <rPh sb="10" eb="11">
      <t>ネン</t>
    </rPh>
    <rPh sb="11" eb="12">
      <t>ブン</t>
    </rPh>
    <phoneticPr fontId="6"/>
  </si>
  <si>
    <t>発行日が提出日から3ヵ月以内のものに限る</t>
    <rPh sb="0" eb="3">
      <t>ハッコウビ</t>
    </rPh>
    <rPh sb="2" eb="3">
      <t>ビ</t>
    </rPh>
    <rPh sb="4" eb="7">
      <t>テイシュツビ</t>
    </rPh>
    <rPh sb="11" eb="12">
      <t>ゲツ</t>
    </rPh>
    <rPh sb="12" eb="14">
      <t>イナイ</t>
    </rPh>
    <rPh sb="18" eb="19">
      <t>カギ</t>
    </rPh>
    <phoneticPr fontId="6"/>
  </si>
  <si>
    <t>土地及び建物（既存建物を活用する場合に限る）の登記事項証明書</t>
    <rPh sb="0" eb="2">
      <t>トチ</t>
    </rPh>
    <rPh sb="2" eb="3">
      <t>オヨ</t>
    </rPh>
    <rPh sb="4" eb="6">
      <t>タテモノ</t>
    </rPh>
    <rPh sb="7" eb="9">
      <t>キゾン</t>
    </rPh>
    <rPh sb="9" eb="11">
      <t>タテモノ</t>
    </rPh>
    <rPh sb="12" eb="14">
      <t>カツヨウ</t>
    </rPh>
    <rPh sb="16" eb="18">
      <t>バアイ</t>
    </rPh>
    <rPh sb="19" eb="20">
      <t>カギ</t>
    </rPh>
    <rPh sb="23" eb="25">
      <t>トウキ</t>
    </rPh>
    <rPh sb="25" eb="27">
      <t>ジコウ</t>
    </rPh>
    <rPh sb="27" eb="30">
      <t>ショウメイショ</t>
    </rPh>
    <phoneticPr fontId="6"/>
  </si>
  <si>
    <t>履歴事項全部証明書，
発行日が提出日から3ヵ月以内のものに限る（写し可）</t>
    <rPh sb="0" eb="2">
      <t>リレキ</t>
    </rPh>
    <rPh sb="2" eb="4">
      <t>ジコウ</t>
    </rPh>
    <rPh sb="4" eb="6">
      <t>ゼンブ</t>
    </rPh>
    <rPh sb="6" eb="9">
      <t>ショウメイショ</t>
    </rPh>
    <rPh sb="11" eb="13">
      <t>ハッコウ</t>
    </rPh>
    <rPh sb="13" eb="14">
      <t>ビ</t>
    </rPh>
    <rPh sb="15" eb="18">
      <t>テイシュツビ</t>
    </rPh>
    <rPh sb="22" eb="23">
      <t>ゲツ</t>
    </rPh>
    <rPh sb="23" eb="25">
      <t>イナイ</t>
    </rPh>
    <rPh sb="29" eb="30">
      <t>カギ</t>
    </rPh>
    <rPh sb="32" eb="33">
      <t>ウツ</t>
    </rPh>
    <rPh sb="34" eb="35">
      <t>カ</t>
    </rPh>
    <phoneticPr fontId="6"/>
  </si>
  <si>
    <t>土地及び建物を賃貸借する場合で、賃貸借契約の締結をしていない場合、その写し
※新型コロナウイルス感染症対策に伴い、同意書の取得が困難な場合に限り、任意の様式にて賃貸人等との交渉記録等を記した書類を提出すること。</t>
    <rPh sb="0" eb="2">
      <t>トチ</t>
    </rPh>
    <rPh sb="2" eb="3">
      <t>オヨ</t>
    </rPh>
    <rPh sb="4" eb="6">
      <t>タテモノ</t>
    </rPh>
    <rPh sb="7" eb="10">
      <t>チンタイシャク</t>
    </rPh>
    <rPh sb="12" eb="14">
      <t>バアイ</t>
    </rPh>
    <rPh sb="16" eb="19">
      <t>チンタイシャク</t>
    </rPh>
    <rPh sb="19" eb="21">
      <t>ケイヤク</t>
    </rPh>
    <rPh sb="22" eb="24">
      <t>テイケツ</t>
    </rPh>
    <rPh sb="30" eb="32">
      <t>バアイ</t>
    </rPh>
    <rPh sb="35" eb="36">
      <t>ウツ</t>
    </rPh>
    <rPh sb="39" eb="41">
      <t>シンガタ</t>
    </rPh>
    <rPh sb="48" eb="51">
      <t>カンセンショウ</t>
    </rPh>
    <rPh sb="51" eb="53">
      <t>タイサク</t>
    </rPh>
    <rPh sb="54" eb="55">
      <t>トモナ</t>
    </rPh>
    <rPh sb="57" eb="60">
      <t>ドウイショ</t>
    </rPh>
    <rPh sb="61" eb="63">
      <t>シュトク</t>
    </rPh>
    <rPh sb="64" eb="66">
      <t>コンナン</t>
    </rPh>
    <rPh sb="67" eb="69">
      <t>バアイ</t>
    </rPh>
    <rPh sb="70" eb="71">
      <t>カギ</t>
    </rPh>
    <rPh sb="73" eb="75">
      <t>ニンイ</t>
    </rPh>
    <rPh sb="76" eb="78">
      <t>ヨウシキ</t>
    </rPh>
    <rPh sb="92" eb="93">
      <t>シル</t>
    </rPh>
    <rPh sb="95" eb="97">
      <t>ショルイ</t>
    </rPh>
    <rPh sb="98" eb="100">
      <t>テイシュツ</t>
    </rPh>
    <phoneticPr fontId="6"/>
  </si>
  <si>
    <t>施設長予定者の履歴書【様式６】</t>
    <rPh sb="0" eb="2">
      <t>シセツ</t>
    </rPh>
    <rPh sb="2" eb="3">
      <t>チョウ</t>
    </rPh>
    <rPh sb="3" eb="6">
      <t>ヨテイシャ</t>
    </rPh>
    <rPh sb="7" eb="10">
      <t>リレキショ</t>
    </rPh>
    <rPh sb="11" eb="13">
      <t>ヨウシキ</t>
    </rPh>
    <phoneticPr fontId="6"/>
  </si>
  <si>
    <t>企画提案書（職員配置等）【様式７】</t>
    <rPh sb="0" eb="2">
      <t>キカク</t>
    </rPh>
    <rPh sb="2" eb="4">
      <t>テイアン</t>
    </rPh>
    <rPh sb="4" eb="5">
      <t>ショ</t>
    </rPh>
    <rPh sb="6" eb="8">
      <t>ショクイン</t>
    </rPh>
    <rPh sb="8" eb="10">
      <t>ハイチ</t>
    </rPh>
    <rPh sb="10" eb="11">
      <t>トウ</t>
    </rPh>
    <rPh sb="13" eb="15">
      <t>ヨウシキ</t>
    </rPh>
    <phoneticPr fontId="6"/>
  </si>
  <si>
    <t>企画提案書（事業計画）【様式９】</t>
    <rPh sb="0" eb="2">
      <t>キカク</t>
    </rPh>
    <rPh sb="2" eb="4">
      <t>テイアン</t>
    </rPh>
    <rPh sb="4" eb="5">
      <t>ショ</t>
    </rPh>
    <rPh sb="6" eb="8">
      <t>ジギョウ</t>
    </rPh>
    <rPh sb="8" eb="10">
      <t>ケイカク</t>
    </rPh>
    <rPh sb="12" eb="14">
      <t>ヨウシキ</t>
    </rPh>
    <phoneticPr fontId="6"/>
  </si>
  <si>
    <t>開設資金計画書【様式１０】</t>
    <rPh sb="0" eb="2">
      <t>カイセツ</t>
    </rPh>
    <rPh sb="2" eb="4">
      <t>シキン</t>
    </rPh>
    <rPh sb="4" eb="6">
      <t>ケイカク</t>
    </rPh>
    <rPh sb="6" eb="7">
      <t>ショ</t>
    </rPh>
    <rPh sb="8" eb="10">
      <t>ヨウシキ</t>
    </rPh>
    <phoneticPr fontId="6"/>
  </si>
  <si>
    <t>収支計画書【様式１１】</t>
    <rPh sb="0" eb="2">
      <t>シュウシ</t>
    </rPh>
    <rPh sb="2" eb="5">
      <t>ケイカクショ</t>
    </rPh>
    <rPh sb="6" eb="8">
      <t>ヨウシキ</t>
    </rPh>
    <phoneticPr fontId="6"/>
  </si>
  <si>
    <t>借入金償還計画書【様式１２】</t>
    <rPh sb="0" eb="2">
      <t>カリイレ</t>
    </rPh>
    <rPh sb="2" eb="3">
      <t>キン</t>
    </rPh>
    <rPh sb="3" eb="5">
      <t>ショウカン</t>
    </rPh>
    <rPh sb="5" eb="8">
      <t>ケイカクショ</t>
    </rPh>
    <rPh sb="9" eb="11">
      <t>ヨウシキ</t>
    </rPh>
    <phoneticPr fontId="6"/>
  </si>
  <si>
    <t>企画提案書（事業内容）【様式１３】</t>
    <rPh sb="0" eb="2">
      <t>キカク</t>
    </rPh>
    <rPh sb="2" eb="4">
      <t>テイアン</t>
    </rPh>
    <rPh sb="4" eb="5">
      <t>ショ</t>
    </rPh>
    <rPh sb="6" eb="8">
      <t>ジギョウ</t>
    </rPh>
    <rPh sb="8" eb="10">
      <t>ナイヨウ</t>
    </rPh>
    <rPh sb="12" eb="14">
      <t>ヨウシキ</t>
    </rPh>
    <phoneticPr fontId="6"/>
  </si>
  <si>
    <t>（単位：円）</t>
    <rPh sb="1" eb="3">
      <t>タンイ</t>
    </rPh>
    <rPh sb="4" eb="5">
      <t>エン</t>
    </rPh>
    <phoneticPr fontId="42"/>
  </si>
  <si>
    <t>勘定科目</t>
    <rPh sb="0" eb="2">
      <t>カンジョウ</t>
    </rPh>
    <rPh sb="2" eb="4">
      <t>カモク</t>
    </rPh>
    <phoneticPr fontId="42"/>
  </si>
  <si>
    <t>備考</t>
    <rPh sb="0" eb="2">
      <t>ビコウ</t>
    </rPh>
    <phoneticPr fontId="42"/>
  </si>
  <si>
    <t>事業活動収入</t>
    <rPh sb="0" eb="2">
      <t>ジギョウ</t>
    </rPh>
    <rPh sb="2" eb="4">
      <t>カツドウ</t>
    </rPh>
    <rPh sb="4" eb="6">
      <t>シュウニュウ</t>
    </rPh>
    <phoneticPr fontId="42"/>
  </si>
  <si>
    <t>その他事業収入</t>
    <rPh sb="2" eb="3">
      <t>タ</t>
    </rPh>
    <rPh sb="3" eb="5">
      <t>ジギョウ</t>
    </rPh>
    <rPh sb="5" eb="7">
      <t>シュウニュウ</t>
    </rPh>
    <phoneticPr fontId="42"/>
  </si>
  <si>
    <t>補助金事業収入</t>
    <rPh sb="0" eb="3">
      <t>ホジョキン</t>
    </rPh>
    <rPh sb="3" eb="5">
      <t>ジギョウ</t>
    </rPh>
    <rPh sb="5" eb="7">
      <t>シュウニュウ</t>
    </rPh>
    <phoneticPr fontId="42"/>
  </si>
  <si>
    <t>その他の事業収入</t>
    <rPh sb="2" eb="3">
      <t>タ</t>
    </rPh>
    <rPh sb="4" eb="6">
      <t>ジギョウ</t>
    </rPh>
    <rPh sb="6" eb="8">
      <t>シュウニュウ</t>
    </rPh>
    <phoneticPr fontId="42"/>
  </si>
  <si>
    <t>経常経費寄附金収入</t>
    <rPh sb="0" eb="2">
      <t>ケイジョウ</t>
    </rPh>
    <rPh sb="2" eb="4">
      <t>ケイヒ</t>
    </rPh>
    <rPh sb="4" eb="7">
      <t>キフキン</t>
    </rPh>
    <rPh sb="7" eb="9">
      <t>シュウニュウ</t>
    </rPh>
    <phoneticPr fontId="42"/>
  </si>
  <si>
    <t>受取利息配当金収入</t>
    <rPh sb="0" eb="2">
      <t>ウケトリ</t>
    </rPh>
    <rPh sb="2" eb="4">
      <t>リソク</t>
    </rPh>
    <rPh sb="4" eb="7">
      <t>ハイトウキン</t>
    </rPh>
    <rPh sb="7" eb="9">
      <t>シュウニュウ</t>
    </rPh>
    <phoneticPr fontId="42"/>
  </si>
  <si>
    <t>その他の収入</t>
    <rPh sb="2" eb="3">
      <t>タ</t>
    </rPh>
    <rPh sb="4" eb="6">
      <t>シュウニュウ</t>
    </rPh>
    <phoneticPr fontId="42"/>
  </si>
  <si>
    <t>【事業活動収入計】</t>
    <rPh sb="1" eb="3">
      <t>ジギョウ</t>
    </rPh>
    <rPh sb="3" eb="5">
      <t>カツドウ</t>
    </rPh>
    <rPh sb="5" eb="7">
      <t>シュウニュウ</t>
    </rPh>
    <rPh sb="7" eb="8">
      <t>ケイ</t>
    </rPh>
    <phoneticPr fontId="42"/>
  </si>
  <si>
    <t>事業活動支出</t>
    <rPh sb="0" eb="2">
      <t>ジギョウ</t>
    </rPh>
    <rPh sb="2" eb="4">
      <t>カツドウ</t>
    </rPh>
    <rPh sb="4" eb="6">
      <t>シシュツ</t>
    </rPh>
    <phoneticPr fontId="42"/>
  </si>
  <si>
    <t>人件費支出</t>
    <rPh sb="0" eb="3">
      <t>ジンケンヒ</t>
    </rPh>
    <rPh sb="3" eb="5">
      <t>シシュツ</t>
    </rPh>
    <phoneticPr fontId="42"/>
  </si>
  <si>
    <t>役員報酬支出</t>
    <rPh sb="0" eb="2">
      <t>ヤクイン</t>
    </rPh>
    <rPh sb="2" eb="4">
      <t>ホウシュウ</t>
    </rPh>
    <rPh sb="4" eb="6">
      <t>シシュツ</t>
    </rPh>
    <phoneticPr fontId="42"/>
  </si>
  <si>
    <t>職員給料支出</t>
    <rPh sb="0" eb="2">
      <t>ショクイン</t>
    </rPh>
    <rPh sb="2" eb="4">
      <t>キュウリョウ</t>
    </rPh>
    <rPh sb="4" eb="6">
      <t>シシュツ</t>
    </rPh>
    <phoneticPr fontId="42"/>
  </si>
  <si>
    <t>職員給与、手当等</t>
    <rPh sb="0" eb="2">
      <t>ショクイン</t>
    </rPh>
    <rPh sb="2" eb="4">
      <t>キュウヨ</t>
    </rPh>
    <rPh sb="5" eb="7">
      <t>テアテ</t>
    </rPh>
    <rPh sb="7" eb="8">
      <t>トウ</t>
    </rPh>
    <phoneticPr fontId="42"/>
  </si>
  <si>
    <t>職員賞与支出</t>
    <rPh sb="0" eb="2">
      <t>ショクイン</t>
    </rPh>
    <rPh sb="2" eb="4">
      <t>ショウヨ</t>
    </rPh>
    <rPh sb="4" eb="6">
      <t>シシュツ</t>
    </rPh>
    <phoneticPr fontId="42"/>
  </si>
  <si>
    <t>非常勤職員給与支出</t>
    <rPh sb="0" eb="3">
      <t>ヒジョウキン</t>
    </rPh>
    <rPh sb="3" eb="5">
      <t>ショクイン</t>
    </rPh>
    <rPh sb="5" eb="7">
      <t>キュウヨ</t>
    </rPh>
    <rPh sb="7" eb="9">
      <t>シシュツ</t>
    </rPh>
    <phoneticPr fontId="42"/>
  </si>
  <si>
    <t>退職給付支出</t>
    <rPh sb="0" eb="2">
      <t>タイショク</t>
    </rPh>
    <rPh sb="2" eb="4">
      <t>キュウフ</t>
    </rPh>
    <rPh sb="4" eb="6">
      <t>シシュツ</t>
    </rPh>
    <phoneticPr fontId="42"/>
  </si>
  <si>
    <t>法定福利費</t>
    <rPh sb="0" eb="2">
      <t>ホウテイ</t>
    </rPh>
    <rPh sb="2" eb="4">
      <t>フクリ</t>
    </rPh>
    <rPh sb="4" eb="5">
      <t>ヒ</t>
    </rPh>
    <phoneticPr fontId="42"/>
  </si>
  <si>
    <t>＜人件費計＞</t>
    <rPh sb="1" eb="4">
      <t>ジンケンヒ</t>
    </rPh>
    <rPh sb="4" eb="5">
      <t>ケイ</t>
    </rPh>
    <phoneticPr fontId="42"/>
  </si>
  <si>
    <t>水道光熱費支出</t>
    <rPh sb="0" eb="2">
      <t>スイドウ</t>
    </rPh>
    <rPh sb="2" eb="5">
      <t>コウネツヒ</t>
    </rPh>
    <rPh sb="5" eb="7">
      <t>シシュツ</t>
    </rPh>
    <phoneticPr fontId="42"/>
  </si>
  <si>
    <t>賃借料支出</t>
    <rPh sb="0" eb="3">
      <t>チンシャクリョウ</t>
    </rPh>
    <rPh sb="3" eb="5">
      <t>シシュツ</t>
    </rPh>
    <phoneticPr fontId="42"/>
  </si>
  <si>
    <t>雑支出</t>
    <rPh sb="0" eb="1">
      <t>ザツ</t>
    </rPh>
    <rPh sb="1" eb="3">
      <t>シシュツ</t>
    </rPh>
    <phoneticPr fontId="42"/>
  </si>
  <si>
    <t>福利厚生費支出</t>
    <rPh sb="0" eb="2">
      <t>フクリ</t>
    </rPh>
    <rPh sb="2" eb="5">
      <t>コウセイヒ</t>
    </rPh>
    <rPh sb="5" eb="7">
      <t>シシュツ</t>
    </rPh>
    <phoneticPr fontId="42"/>
  </si>
  <si>
    <t>旅費交通費支出</t>
    <rPh sb="0" eb="2">
      <t>リョヒ</t>
    </rPh>
    <rPh sb="2" eb="5">
      <t>コウツウヒ</t>
    </rPh>
    <rPh sb="5" eb="7">
      <t>シシュツ</t>
    </rPh>
    <phoneticPr fontId="42"/>
  </si>
  <si>
    <t>研修研究費支出</t>
    <rPh sb="0" eb="2">
      <t>ケンシュウ</t>
    </rPh>
    <rPh sb="2" eb="5">
      <t>ケンキュウヒ</t>
    </rPh>
    <rPh sb="5" eb="7">
      <t>シシュツ</t>
    </rPh>
    <phoneticPr fontId="42"/>
  </si>
  <si>
    <t>事務消耗品費支出</t>
    <rPh sb="0" eb="2">
      <t>ジム</t>
    </rPh>
    <rPh sb="2" eb="4">
      <t>ショウモウ</t>
    </rPh>
    <rPh sb="4" eb="5">
      <t>ヒン</t>
    </rPh>
    <rPh sb="5" eb="6">
      <t>ヒ</t>
    </rPh>
    <rPh sb="6" eb="8">
      <t>シシュツ</t>
    </rPh>
    <phoneticPr fontId="42"/>
  </si>
  <si>
    <t>印刷製本費支出</t>
    <rPh sb="0" eb="2">
      <t>インサツ</t>
    </rPh>
    <rPh sb="2" eb="4">
      <t>セイホン</t>
    </rPh>
    <rPh sb="4" eb="5">
      <t>ヒ</t>
    </rPh>
    <rPh sb="5" eb="7">
      <t>シシュツ</t>
    </rPh>
    <phoneticPr fontId="42"/>
  </si>
  <si>
    <t>通信運搬費支出</t>
    <rPh sb="0" eb="2">
      <t>ツウシン</t>
    </rPh>
    <rPh sb="2" eb="4">
      <t>ウンパン</t>
    </rPh>
    <rPh sb="4" eb="5">
      <t>ヒ</t>
    </rPh>
    <rPh sb="5" eb="7">
      <t>シシュツ</t>
    </rPh>
    <phoneticPr fontId="42"/>
  </si>
  <si>
    <t>会議費支出</t>
    <rPh sb="0" eb="3">
      <t>カイギヒ</t>
    </rPh>
    <rPh sb="3" eb="5">
      <t>シシュツ</t>
    </rPh>
    <phoneticPr fontId="42"/>
  </si>
  <si>
    <t>業務委託費支出</t>
    <rPh sb="0" eb="2">
      <t>ギョウム</t>
    </rPh>
    <rPh sb="2" eb="4">
      <t>イタク</t>
    </rPh>
    <rPh sb="4" eb="5">
      <t>ヒ</t>
    </rPh>
    <rPh sb="5" eb="7">
      <t>シシュツ</t>
    </rPh>
    <phoneticPr fontId="42"/>
  </si>
  <si>
    <t>手数料支出</t>
    <rPh sb="0" eb="3">
      <t>テスウリョウ</t>
    </rPh>
    <rPh sb="3" eb="5">
      <t>シシュツ</t>
    </rPh>
    <phoneticPr fontId="42"/>
  </si>
  <si>
    <t>支払利息支出</t>
    <rPh sb="0" eb="2">
      <t>シハライ</t>
    </rPh>
    <rPh sb="2" eb="4">
      <t>リソク</t>
    </rPh>
    <rPh sb="4" eb="6">
      <t>シシュツ</t>
    </rPh>
    <phoneticPr fontId="42"/>
  </si>
  <si>
    <t>借入金利息支出</t>
    <rPh sb="0" eb="2">
      <t>カリイレ</t>
    </rPh>
    <rPh sb="2" eb="3">
      <t>キン</t>
    </rPh>
    <rPh sb="3" eb="5">
      <t>リソク</t>
    </rPh>
    <rPh sb="5" eb="7">
      <t>シシュツ</t>
    </rPh>
    <phoneticPr fontId="42"/>
  </si>
  <si>
    <t>その他の支出</t>
    <rPh sb="2" eb="3">
      <t>タ</t>
    </rPh>
    <rPh sb="4" eb="6">
      <t>シシュツ</t>
    </rPh>
    <phoneticPr fontId="42"/>
  </si>
  <si>
    <t>【事業活動支出計】</t>
    <rPh sb="1" eb="3">
      <t>ジギョウ</t>
    </rPh>
    <rPh sb="3" eb="5">
      <t>カツドウ</t>
    </rPh>
    <rPh sb="5" eb="7">
      <t>シシュツ</t>
    </rPh>
    <rPh sb="7" eb="8">
      <t>ケイ</t>
    </rPh>
    <phoneticPr fontId="42"/>
  </si>
  <si>
    <t>事業活動資金収支差額</t>
    <rPh sb="0" eb="2">
      <t>ジギョウ</t>
    </rPh>
    <rPh sb="2" eb="4">
      <t>カツドウ</t>
    </rPh>
    <rPh sb="4" eb="6">
      <t>シキン</t>
    </rPh>
    <rPh sb="6" eb="8">
      <t>シュウシ</t>
    </rPh>
    <rPh sb="8" eb="10">
      <t>サガク</t>
    </rPh>
    <phoneticPr fontId="42"/>
  </si>
  <si>
    <t>施設整備等収入</t>
    <rPh sb="0" eb="2">
      <t>シセツ</t>
    </rPh>
    <rPh sb="2" eb="4">
      <t>セイビ</t>
    </rPh>
    <rPh sb="4" eb="5">
      <t>トウ</t>
    </rPh>
    <rPh sb="5" eb="7">
      <t>シュウニュウ</t>
    </rPh>
    <phoneticPr fontId="42"/>
  </si>
  <si>
    <t>施設整備等補助金収入</t>
    <rPh sb="0" eb="2">
      <t>シセツ</t>
    </rPh>
    <rPh sb="2" eb="4">
      <t>セイビ</t>
    </rPh>
    <rPh sb="4" eb="5">
      <t>トウ</t>
    </rPh>
    <rPh sb="5" eb="8">
      <t>ホジョキン</t>
    </rPh>
    <rPh sb="8" eb="10">
      <t>シュウニュウ</t>
    </rPh>
    <phoneticPr fontId="42"/>
  </si>
  <si>
    <t>施設整備等寄附金収入</t>
    <rPh sb="0" eb="2">
      <t>シセツ</t>
    </rPh>
    <rPh sb="2" eb="4">
      <t>セイビ</t>
    </rPh>
    <rPh sb="4" eb="5">
      <t>トウ</t>
    </rPh>
    <rPh sb="5" eb="8">
      <t>キフキン</t>
    </rPh>
    <rPh sb="8" eb="10">
      <t>シュウニュウ</t>
    </rPh>
    <phoneticPr fontId="42"/>
  </si>
  <si>
    <t>設備資金借入金収入</t>
    <rPh sb="0" eb="2">
      <t>セツビ</t>
    </rPh>
    <rPh sb="2" eb="4">
      <t>シキン</t>
    </rPh>
    <rPh sb="4" eb="6">
      <t>カリイレ</t>
    </rPh>
    <rPh sb="6" eb="7">
      <t>キン</t>
    </rPh>
    <rPh sb="7" eb="9">
      <t>シュウニュウ</t>
    </rPh>
    <phoneticPr fontId="42"/>
  </si>
  <si>
    <t>【施設整備等収入計】</t>
    <rPh sb="1" eb="3">
      <t>シセツ</t>
    </rPh>
    <rPh sb="3" eb="5">
      <t>セイビ</t>
    </rPh>
    <rPh sb="5" eb="6">
      <t>トウ</t>
    </rPh>
    <rPh sb="6" eb="8">
      <t>シュウニュウ</t>
    </rPh>
    <rPh sb="8" eb="9">
      <t>ケイ</t>
    </rPh>
    <phoneticPr fontId="42"/>
  </si>
  <si>
    <t>施設整備等支出</t>
    <rPh sb="0" eb="2">
      <t>シセツ</t>
    </rPh>
    <rPh sb="2" eb="4">
      <t>セイビ</t>
    </rPh>
    <rPh sb="4" eb="5">
      <t>トウ</t>
    </rPh>
    <rPh sb="5" eb="7">
      <t>シシュツ</t>
    </rPh>
    <phoneticPr fontId="42"/>
  </si>
  <si>
    <t>設備資金借入金元金償還支出</t>
    <rPh sb="0" eb="2">
      <t>セツビ</t>
    </rPh>
    <rPh sb="2" eb="4">
      <t>シキン</t>
    </rPh>
    <rPh sb="4" eb="6">
      <t>カリイレ</t>
    </rPh>
    <rPh sb="6" eb="7">
      <t>キン</t>
    </rPh>
    <rPh sb="7" eb="9">
      <t>ガンキン</t>
    </rPh>
    <rPh sb="9" eb="11">
      <t>ショウカン</t>
    </rPh>
    <rPh sb="11" eb="13">
      <t>シシュツ</t>
    </rPh>
    <phoneticPr fontId="42"/>
  </si>
  <si>
    <t>固定資産取得支出</t>
    <rPh sb="0" eb="2">
      <t>コテイ</t>
    </rPh>
    <rPh sb="2" eb="4">
      <t>シサン</t>
    </rPh>
    <rPh sb="4" eb="6">
      <t>シュトク</t>
    </rPh>
    <rPh sb="6" eb="8">
      <t>シシュツ</t>
    </rPh>
    <phoneticPr fontId="42"/>
  </si>
  <si>
    <t>【施設整備等支出計】</t>
    <rPh sb="1" eb="3">
      <t>シセツ</t>
    </rPh>
    <rPh sb="3" eb="5">
      <t>セイビ</t>
    </rPh>
    <rPh sb="5" eb="6">
      <t>トウ</t>
    </rPh>
    <rPh sb="6" eb="8">
      <t>シシュツ</t>
    </rPh>
    <rPh sb="8" eb="9">
      <t>ケイ</t>
    </rPh>
    <phoneticPr fontId="42"/>
  </si>
  <si>
    <t>施設整備等資金収支差額</t>
    <rPh sb="0" eb="2">
      <t>シセツ</t>
    </rPh>
    <rPh sb="2" eb="4">
      <t>セイビ</t>
    </rPh>
    <rPh sb="4" eb="5">
      <t>トウ</t>
    </rPh>
    <rPh sb="5" eb="7">
      <t>シキン</t>
    </rPh>
    <rPh sb="7" eb="9">
      <t>シュウシ</t>
    </rPh>
    <rPh sb="9" eb="11">
      <t>サガク</t>
    </rPh>
    <phoneticPr fontId="42"/>
  </si>
  <si>
    <t>その他の活動による収入</t>
    <rPh sb="2" eb="3">
      <t>タ</t>
    </rPh>
    <rPh sb="4" eb="6">
      <t>カツドウ</t>
    </rPh>
    <rPh sb="9" eb="11">
      <t>シュウニュウ</t>
    </rPh>
    <phoneticPr fontId="42"/>
  </si>
  <si>
    <t>【その他の活動による収入計】</t>
    <rPh sb="3" eb="4">
      <t>タ</t>
    </rPh>
    <rPh sb="5" eb="7">
      <t>カツドウ</t>
    </rPh>
    <rPh sb="10" eb="12">
      <t>シュウニュウ</t>
    </rPh>
    <rPh sb="12" eb="13">
      <t>ケイ</t>
    </rPh>
    <phoneticPr fontId="42"/>
  </si>
  <si>
    <t>その他の活動による支出</t>
    <rPh sb="2" eb="3">
      <t>タ</t>
    </rPh>
    <rPh sb="4" eb="6">
      <t>カツドウ</t>
    </rPh>
    <rPh sb="9" eb="11">
      <t>シシュツ</t>
    </rPh>
    <phoneticPr fontId="42"/>
  </si>
  <si>
    <t>積立資産支出</t>
    <rPh sb="0" eb="2">
      <t>ツミタテ</t>
    </rPh>
    <rPh sb="2" eb="4">
      <t>シサン</t>
    </rPh>
    <rPh sb="4" eb="6">
      <t>シシュツ</t>
    </rPh>
    <phoneticPr fontId="42"/>
  </si>
  <si>
    <t>【その他の活動による支出計】</t>
    <rPh sb="3" eb="4">
      <t>タ</t>
    </rPh>
    <rPh sb="5" eb="7">
      <t>カツドウ</t>
    </rPh>
    <rPh sb="10" eb="12">
      <t>シシュツ</t>
    </rPh>
    <rPh sb="12" eb="13">
      <t>ケイ</t>
    </rPh>
    <phoneticPr fontId="42"/>
  </si>
  <si>
    <t>その他の活動による資金収支差額</t>
    <rPh sb="2" eb="3">
      <t>タ</t>
    </rPh>
    <rPh sb="4" eb="6">
      <t>カツドウ</t>
    </rPh>
    <rPh sb="9" eb="11">
      <t>シキン</t>
    </rPh>
    <rPh sb="11" eb="13">
      <t>シュウシ</t>
    </rPh>
    <rPh sb="13" eb="15">
      <t>サガク</t>
    </rPh>
    <phoneticPr fontId="42"/>
  </si>
  <si>
    <t>予備費支出</t>
    <rPh sb="0" eb="3">
      <t>ヨビヒ</t>
    </rPh>
    <rPh sb="3" eb="5">
      <t>シシュツ</t>
    </rPh>
    <phoneticPr fontId="42"/>
  </si>
  <si>
    <t>当期資金収支差額合計</t>
    <rPh sb="0" eb="2">
      <t>トウキ</t>
    </rPh>
    <rPh sb="2" eb="4">
      <t>シキン</t>
    </rPh>
    <rPh sb="4" eb="6">
      <t>シュウシ</t>
    </rPh>
    <rPh sb="6" eb="8">
      <t>サガク</t>
    </rPh>
    <rPh sb="8" eb="10">
      <t>ゴウケイ</t>
    </rPh>
    <phoneticPr fontId="42"/>
  </si>
  <si>
    <t>当期末支払資金残高</t>
    <rPh sb="0" eb="2">
      <t>トウキ</t>
    </rPh>
    <rPh sb="2" eb="3">
      <t>マツ</t>
    </rPh>
    <rPh sb="3" eb="5">
      <t>シハライ</t>
    </rPh>
    <rPh sb="5" eb="7">
      <t>シキン</t>
    </rPh>
    <rPh sb="7" eb="9">
      <t>ザンダカ</t>
    </rPh>
    <phoneticPr fontId="42"/>
  </si>
  <si>
    <t>様式１１</t>
    <phoneticPr fontId="4"/>
  </si>
  <si>
    <t>開発行為の有無</t>
    <rPh sb="0" eb="2">
      <t>カイハツ</t>
    </rPh>
    <rPh sb="2" eb="4">
      <t>コウイ</t>
    </rPh>
    <rPh sb="5" eb="7">
      <t>ウム</t>
    </rPh>
    <phoneticPr fontId="6"/>
  </si>
  <si>
    <t>□無　　　□有（有の場合、以下に都市計画課との事前相談状況・内容を記載すること）</t>
    <rPh sb="1" eb="2">
      <t>ナ</t>
    </rPh>
    <rPh sb="6" eb="7">
      <t>ア</t>
    </rPh>
    <rPh sb="8" eb="9">
      <t>ア</t>
    </rPh>
    <rPh sb="10" eb="12">
      <t>バアイ</t>
    </rPh>
    <rPh sb="13" eb="15">
      <t>イカ</t>
    </rPh>
    <rPh sb="16" eb="18">
      <t>トシ</t>
    </rPh>
    <rPh sb="18" eb="20">
      <t>ケイカク</t>
    </rPh>
    <rPh sb="20" eb="21">
      <t>カ</t>
    </rPh>
    <rPh sb="23" eb="25">
      <t>ジゼン</t>
    </rPh>
    <rPh sb="25" eb="27">
      <t>ソウダン</t>
    </rPh>
    <rPh sb="27" eb="29">
      <t>ジョウキョウ</t>
    </rPh>
    <rPh sb="30" eb="32">
      <t>ナイヨウ</t>
    </rPh>
    <rPh sb="33" eb="35">
      <t>キサイ</t>
    </rPh>
    <phoneticPr fontId="6"/>
  </si>
  <si>
    <t>　注）借入金償還計画表（様式１２）を添付すること</t>
    <rPh sb="1" eb="2">
      <t>チュウ</t>
    </rPh>
    <rPh sb="3" eb="4">
      <t>カ</t>
    </rPh>
    <rPh sb="4" eb="5">
      <t>イ</t>
    </rPh>
    <rPh sb="5" eb="6">
      <t>キン</t>
    </rPh>
    <rPh sb="6" eb="8">
      <t>ショウカン</t>
    </rPh>
    <rPh sb="8" eb="9">
      <t>ケイ</t>
    </rPh>
    <rPh sb="9" eb="10">
      <t>カク</t>
    </rPh>
    <rPh sb="10" eb="11">
      <t>ヒョウ</t>
    </rPh>
    <rPh sb="12" eb="14">
      <t>ヨウシキ</t>
    </rPh>
    <rPh sb="18" eb="20">
      <t>テンプ</t>
    </rPh>
    <phoneticPr fontId="6"/>
  </si>
  <si>
    <t>伊丹市放課後児童健全育成事業所設置・運営事業者募集参加申込書</t>
    <rPh sb="0" eb="2">
      <t>イタミ</t>
    </rPh>
    <rPh sb="2" eb="3">
      <t>シ</t>
    </rPh>
    <rPh sb="3" eb="6">
      <t>ホウカゴ</t>
    </rPh>
    <rPh sb="6" eb="8">
      <t>ジドウ</t>
    </rPh>
    <rPh sb="8" eb="10">
      <t>ケンゼン</t>
    </rPh>
    <rPh sb="10" eb="12">
      <t>イクセイ</t>
    </rPh>
    <rPh sb="12" eb="14">
      <t>ジギョウ</t>
    </rPh>
    <rPh sb="14" eb="15">
      <t>ショ</t>
    </rPh>
    <rPh sb="15" eb="17">
      <t>セッチ</t>
    </rPh>
    <rPh sb="18" eb="20">
      <t>ウンエイ</t>
    </rPh>
    <rPh sb="20" eb="22">
      <t>ジギョウ</t>
    </rPh>
    <rPh sb="22" eb="23">
      <t>シャ</t>
    </rPh>
    <rPh sb="25" eb="27">
      <t>サンカ</t>
    </rPh>
    <rPh sb="27" eb="29">
      <t>モウシコミ</t>
    </rPh>
    <rPh sb="29" eb="30">
      <t>ショ</t>
    </rPh>
    <phoneticPr fontId="6"/>
  </si>
  <si>
    <t>　伊丹市放課後児童健全育成事業所設置・運営事業者募集について、関係書類を添えて参加申し込みします。
　また、事業者決定通知後に応募内容に相違があったことが判明した場合、伊丹市の判断により一方的に決定を取り消される場合があることに同意します。</t>
    <rPh sb="1" eb="4">
      <t>イタミシ</t>
    </rPh>
    <rPh sb="15" eb="16">
      <t>ショ</t>
    </rPh>
    <rPh sb="16" eb="18">
      <t>セッチ</t>
    </rPh>
    <rPh sb="19" eb="21">
      <t>ウンエイ</t>
    </rPh>
    <rPh sb="21" eb="24">
      <t>ジギョウシャ</t>
    </rPh>
    <rPh sb="24" eb="26">
      <t>ボシュウ</t>
    </rPh>
    <rPh sb="31" eb="33">
      <t>カンケイ</t>
    </rPh>
    <rPh sb="33" eb="35">
      <t>ショルイ</t>
    </rPh>
    <rPh sb="36" eb="37">
      <t>ソ</t>
    </rPh>
    <rPh sb="39" eb="41">
      <t>サンカ</t>
    </rPh>
    <rPh sb="41" eb="42">
      <t>モウ</t>
    </rPh>
    <rPh sb="43" eb="44">
      <t>コ</t>
    </rPh>
    <phoneticPr fontId="6"/>
  </si>
  <si>
    <r>
      <t>放課後児童健全育成事業所または就学前施設（認可保育所等）</t>
    </r>
    <r>
      <rPr>
        <sz val="10.5"/>
        <color indexed="8"/>
        <rFont val="HGPｺﾞｼｯｸM"/>
        <family val="3"/>
        <charset val="128"/>
      </rPr>
      <t>の運営状況【該当する場合のみ記入】</t>
    </r>
    <rPh sb="15" eb="18">
      <t>シュウガクマエ</t>
    </rPh>
    <rPh sb="18" eb="20">
      <t>シセツ</t>
    </rPh>
    <rPh sb="21" eb="23">
      <t>ニンカ</t>
    </rPh>
    <rPh sb="23" eb="25">
      <t>ホイク</t>
    </rPh>
    <rPh sb="25" eb="26">
      <t>ショ</t>
    </rPh>
    <rPh sb="26" eb="27">
      <t>トウ</t>
    </rPh>
    <rPh sb="29" eb="31">
      <t>ウンエイ</t>
    </rPh>
    <rPh sb="31" eb="33">
      <t>ジョウキョウ</t>
    </rPh>
    <rPh sb="34" eb="36">
      <t>ガイトウ</t>
    </rPh>
    <rPh sb="38" eb="40">
      <t>バアイ</t>
    </rPh>
    <rPh sb="42" eb="44">
      <t>キニュウ</t>
    </rPh>
    <phoneticPr fontId="6"/>
  </si>
  <si>
    <t>案件名：伊丹市放課後児童健全育成事業所設置・運営事業者募集</t>
    <rPh sb="0" eb="2">
      <t>アンケン</t>
    </rPh>
    <rPh sb="2" eb="3">
      <t>メイ</t>
    </rPh>
    <rPh sb="4" eb="7">
      <t>イタミシ</t>
    </rPh>
    <rPh sb="7" eb="10">
      <t>ホウカゴ</t>
    </rPh>
    <rPh sb="10" eb="12">
      <t>ジドウ</t>
    </rPh>
    <rPh sb="12" eb="14">
      <t>ケンゼン</t>
    </rPh>
    <rPh sb="14" eb="16">
      <t>イクセイ</t>
    </rPh>
    <rPh sb="16" eb="18">
      <t>ジギョウ</t>
    </rPh>
    <rPh sb="18" eb="19">
      <t>ショ</t>
    </rPh>
    <rPh sb="19" eb="21">
      <t>セッチ</t>
    </rPh>
    <rPh sb="22" eb="24">
      <t>ウンエイ</t>
    </rPh>
    <rPh sb="24" eb="27">
      <t>ジギョウシャ</t>
    </rPh>
    <phoneticPr fontId="6"/>
  </si>
  <si>
    <t>　伊丹市放課後児童健全育成事業所設置・運営事業者募集について、参加申し込みをしましたが、辞退したいので届け出ます。</t>
    <rPh sb="1" eb="4">
      <t>イタミシ</t>
    </rPh>
    <rPh sb="4" eb="7">
      <t>ホウカゴ</t>
    </rPh>
    <rPh sb="7" eb="9">
      <t>ジドウ</t>
    </rPh>
    <rPh sb="9" eb="11">
      <t>ケンゼン</t>
    </rPh>
    <rPh sb="11" eb="13">
      <t>イクセイ</t>
    </rPh>
    <rPh sb="13" eb="15">
      <t>ジギョウ</t>
    </rPh>
    <rPh sb="15" eb="16">
      <t>ショ</t>
    </rPh>
    <rPh sb="16" eb="18">
      <t>セッチ</t>
    </rPh>
    <rPh sb="19" eb="21">
      <t>ウンエイ</t>
    </rPh>
    <rPh sb="21" eb="23">
      <t>ジギョウ</t>
    </rPh>
    <rPh sb="23" eb="24">
      <t>シャ</t>
    </rPh>
    <rPh sb="31" eb="33">
      <t>サンカ</t>
    </rPh>
    <rPh sb="33" eb="34">
      <t>モウ</t>
    </rPh>
    <rPh sb="35" eb="36">
      <t>コミ</t>
    </rPh>
    <rPh sb="44" eb="46">
      <t>ジタイ</t>
    </rPh>
    <rPh sb="51" eb="52">
      <t>トド</t>
    </rPh>
    <rPh sb="53" eb="54">
      <t>デ</t>
    </rPh>
    <phoneticPr fontId="6"/>
  </si>
  <si>
    <t>事業所の名称　　　　　　　　　　　　　　　　　　　　　　　</t>
  </si>
  <si>
    <t>主な職員（定員数の支援提供に必要な放課後児童支援員等について記載してください。）</t>
    <phoneticPr fontId="48"/>
  </si>
  <si>
    <t>職員氏名</t>
  </si>
  <si>
    <t>職名</t>
  </si>
  <si>
    <t>職務の内容</t>
  </si>
  <si>
    <t>採用年月日</t>
  </si>
  <si>
    <t>放課後児童支援員の資格要件</t>
  </si>
  <si>
    <t>主な経歴</t>
  </si>
  <si>
    <r>
      <t xml:space="preserve">資格の内容
</t>
    </r>
    <r>
      <rPr>
        <sz val="8"/>
        <color theme="1"/>
        <rFont val="BIZ UDゴシック"/>
        <family val="3"/>
        <charset val="128"/>
      </rPr>
      <t>（条例第11条第３項各号）</t>
    </r>
    <phoneticPr fontId="48"/>
  </si>
  <si>
    <t>認定研修の修了</t>
  </si>
  <si>
    <t>【備考】</t>
  </si>
  <si>
    <t>　１　人事異動等により変更が生じた場合は、放課後健全育成事業変更届（様式第６号）の提出が必要です。</t>
    <rPh sb="21" eb="24">
      <t>ホウカゴ</t>
    </rPh>
    <rPh sb="24" eb="26">
      <t>ケンゼン</t>
    </rPh>
    <rPh sb="26" eb="28">
      <t>イクセイ</t>
    </rPh>
    <rPh sb="28" eb="30">
      <t>ジギョウ</t>
    </rPh>
    <rPh sb="34" eb="36">
      <t>ヨウシキ</t>
    </rPh>
    <phoneticPr fontId="48"/>
  </si>
  <si>
    <t>　２　放課後児童支援員の資格要件を満たしている職員は、資格証明書等の写しを添付してください。</t>
    <phoneticPr fontId="48"/>
  </si>
  <si>
    <t>　３　記載欄が足りない場合は、別紙を添付してください。</t>
    <phoneticPr fontId="48"/>
  </si>
  <si>
    <t>様式５</t>
    <rPh sb="0" eb="2">
      <t>ヨウシキ</t>
    </rPh>
    <phoneticPr fontId="48"/>
  </si>
  <si>
    <r>
      <rPr>
        <sz val="16"/>
        <color theme="1"/>
        <rFont val="HG丸ｺﾞｼｯｸM-PRO"/>
        <family val="3"/>
        <charset val="128"/>
      </rPr>
      <t>主な職員の職員名簿</t>
    </r>
    <r>
      <rPr>
        <sz val="11"/>
        <color theme="1"/>
        <rFont val="BIZ UDゴシック"/>
        <family val="3"/>
        <charset val="128"/>
      </rPr>
      <t>（　　年　　月　　日現在）</t>
    </r>
    <rPh sb="0" eb="1">
      <t>オモ</t>
    </rPh>
    <rPh sb="2" eb="4">
      <t>ショクイン</t>
    </rPh>
    <phoneticPr fontId="48"/>
  </si>
  <si>
    <t>支援室数</t>
    <rPh sb="0" eb="3">
      <t>シエンシツ</t>
    </rPh>
    <rPh sb="3" eb="4">
      <t>スウ</t>
    </rPh>
    <phoneticPr fontId="6"/>
  </si>
  <si>
    <t>１室</t>
    <rPh sb="1" eb="2">
      <t>シツ</t>
    </rPh>
    <phoneticPr fontId="6"/>
  </si>
  <si>
    <t>施設長</t>
    <rPh sb="0" eb="3">
      <t>シセツチョウ</t>
    </rPh>
    <phoneticPr fontId="6"/>
  </si>
  <si>
    <t>児童支援員</t>
    <rPh sb="0" eb="2">
      <t>ジドウ</t>
    </rPh>
    <rPh sb="2" eb="5">
      <t>シエンイン</t>
    </rPh>
    <phoneticPr fontId="6"/>
  </si>
  <si>
    <t>補助員</t>
    <rPh sb="0" eb="3">
      <t>ホジョイン</t>
    </rPh>
    <phoneticPr fontId="4"/>
  </si>
  <si>
    <t>常勤・非常勤の児童支援員の勤務形態の考え方について記載してください。（様式９も添付してください）</t>
    <rPh sb="0" eb="2">
      <t>ジョウキン</t>
    </rPh>
    <rPh sb="3" eb="6">
      <t>ヒジョウキン</t>
    </rPh>
    <rPh sb="7" eb="9">
      <t>ジドウ</t>
    </rPh>
    <rPh sb="9" eb="12">
      <t>シエンイン</t>
    </rPh>
    <rPh sb="13" eb="15">
      <t>キンム</t>
    </rPh>
    <rPh sb="15" eb="17">
      <t>ケイタイ</t>
    </rPh>
    <rPh sb="18" eb="19">
      <t>カンガ</t>
    </rPh>
    <rPh sb="20" eb="21">
      <t>カタ</t>
    </rPh>
    <rPh sb="25" eb="27">
      <t>キサイ</t>
    </rPh>
    <rPh sb="35" eb="37">
      <t>ヨウシキ</t>
    </rPh>
    <rPh sb="39" eb="41">
      <t>テンプ</t>
    </rPh>
    <phoneticPr fontId="6"/>
  </si>
  <si>
    <t>※１クラブの定員は、４５人以下とする</t>
    <phoneticPr fontId="4"/>
  </si>
  <si>
    <t>※放課後児童支援員の数は、クラブごとに２人以上とする。</t>
    <phoneticPr fontId="4"/>
  </si>
  <si>
    <t>※その１人を除き、補助員をもってこれに代えることができる。</t>
    <phoneticPr fontId="4"/>
  </si>
  <si>
    <t>休憩</t>
    <rPh sb="0" eb="2">
      <t>キュウケイ</t>
    </rPh>
    <phoneticPr fontId="4"/>
  </si>
  <si>
    <t>児童支援員A</t>
    <rPh sb="0" eb="2">
      <t>ジドウ</t>
    </rPh>
    <rPh sb="2" eb="5">
      <t>シエンイン</t>
    </rPh>
    <phoneticPr fontId="6"/>
  </si>
  <si>
    <t>児童支援員B</t>
    <phoneticPr fontId="4"/>
  </si>
  <si>
    <t>【児童支援員（有資格者）】</t>
    <rPh sb="1" eb="3">
      <t>ジドウ</t>
    </rPh>
    <rPh sb="3" eb="5">
      <t>シエン</t>
    </rPh>
    <rPh sb="5" eb="6">
      <t>イン</t>
    </rPh>
    <rPh sb="7" eb="11">
      <t>ユウシカクシャ</t>
    </rPh>
    <phoneticPr fontId="6"/>
  </si>
  <si>
    <t>【その他の職員（無資格者）】</t>
    <rPh sb="3" eb="4">
      <t>タ</t>
    </rPh>
    <rPh sb="5" eb="7">
      <t>ショクイン</t>
    </rPh>
    <rPh sb="8" eb="11">
      <t>ムシカク</t>
    </rPh>
    <rPh sb="11" eb="12">
      <t>シャ</t>
    </rPh>
    <phoneticPr fontId="6"/>
  </si>
  <si>
    <t>補助員</t>
    <rPh sb="0" eb="3">
      <t>ホジョイン</t>
    </rPh>
    <phoneticPr fontId="6"/>
  </si>
  <si>
    <t>施設長</t>
    <rPh sb="0" eb="3">
      <t>シセツチョウ</t>
    </rPh>
    <phoneticPr fontId="4"/>
  </si>
  <si>
    <t>①長期休業期間中（春季・夏季・冬季）</t>
    <rPh sb="1" eb="3">
      <t>チョウキ</t>
    </rPh>
    <rPh sb="3" eb="5">
      <t>キュウギョウ</t>
    </rPh>
    <rPh sb="5" eb="8">
      <t>キカンチュウ</t>
    </rPh>
    <rPh sb="9" eb="11">
      <t>シュンキ</t>
    </rPh>
    <rPh sb="12" eb="14">
      <t>カキ</t>
    </rPh>
    <rPh sb="15" eb="17">
      <t>トウキ</t>
    </rPh>
    <phoneticPr fontId="4"/>
  </si>
  <si>
    <t>②学期中（平日）</t>
    <rPh sb="1" eb="3">
      <t>ガッキ</t>
    </rPh>
    <rPh sb="3" eb="4">
      <t>チュウ</t>
    </rPh>
    <rPh sb="5" eb="7">
      <t>ヘイジツ</t>
    </rPh>
    <phoneticPr fontId="4"/>
  </si>
  <si>
    <t>保育に係る職員配置計画（１日の流れ）</t>
    <rPh sb="0" eb="2">
      <t>ホイク</t>
    </rPh>
    <rPh sb="1" eb="2">
      <t>ツイタチ</t>
    </rPh>
    <rPh sb="3" eb="4">
      <t>カカ</t>
    </rPh>
    <rPh sb="5" eb="7">
      <t>ショクイン</t>
    </rPh>
    <rPh sb="7" eb="9">
      <t>ハイチ</t>
    </rPh>
    <rPh sb="9" eb="11">
      <t>ケイカク</t>
    </rPh>
    <rPh sb="13" eb="14">
      <t>ヒ</t>
    </rPh>
    <rPh sb="15" eb="16">
      <t>ナガ</t>
    </rPh>
    <phoneticPr fontId="6"/>
  </si>
  <si>
    <t>保育内容（年間カリキュラム等を具体的に記載）</t>
    <rPh sb="0" eb="2">
      <t>ホイク</t>
    </rPh>
    <rPh sb="1" eb="2">
      <t>ツイタチ</t>
    </rPh>
    <rPh sb="2" eb="4">
      <t>ナイヨウ</t>
    </rPh>
    <rPh sb="5" eb="7">
      <t>ネンカン</t>
    </rPh>
    <rPh sb="13" eb="14">
      <t>トウ</t>
    </rPh>
    <rPh sb="15" eb="18">
      <t>グタイテキ</t>
    </rPh>
    <rPh sb="19" eb="21">
      <t>キサイ</t>
    </rPh>
    <phoneticPr fontId="6"/>
  </si>
  <si>
    <t>※自由記載</t>
    <rPh sb="1" eb="3">
      <t>ジユウ</t>
    </rPh>
    <rPh sb="3" eb="5">
      <t>キサイ</t>
    </rPh>
    <phoneticPr fontId="4"/>
  </si>
  <si>
    <t>１．応募動機等について</t>
    <rPh sb="2" eb="4">
      <t>オウボ</t>
    </rPh>
    <rPh sb="4" eb="6">
      <t>ドウキ</t>
    </rPh>
    <rPh sb="6" eb="7">
      <t>トウ</t>
    </rPh>
    <phoneticPr fontId="6"/>
  </si>
  <si>
    <t>（１）応募した動機</t>
    <rPh sb="3" eb="5">
      <t>オウボ</t>
    </rPh>
    <rPh sb="7" eb="9">
      <t>ドウキ</t>
    </rPh>
    <phoneticPr fontId="6"/>
  </si>
  <si>
    <t>（２）施設の特徴や工夫等</t>
    <rPh sb="3" eb="5">
      <t>シセツ</t>
    </rPh>
    <rPh sb="6" eb="8">
      <t>トクチョウ</t>
    </rPh>
    <rPh sb="9" eb="11">
      <t>クフウ</t>
    </rPh>
    <rPh sb="11" eb="12">
      <t>トウ</t>
    </rPh>
    <phoneticPr fontId="6"/>
  </si>
  <si>
    <t>（３）民設民営放課後児童クラブの基本理念及び運営方針</t>
    <rPh sb="3" eb="4">
      <t>ミン</t>
    </rPh>
    <rPh sb="4" eb="5">
      <t>セツ</t>
    </rPh>
    <rPh sb="5" eb="7">
      <t>ミンエイ</t>
    </rPh>
    <rPh sb="7" eb="10">
      <t>ホウカゴ</t>
    </rPh>
    <rPh sb="10" eb="12">
      <t>ジドウ</t>
    </rPh>
    <rPh sb="16" eb="18">
      <t>キホン</t>
    </rPh>
    <rPh sb="18" eb="20">
      <t>リネン</t>
    </rPh>
    <rPh sb="20" eb="21">
      <t>オヨ</t>
    </rPh>
    <rPh sb="22" eb="24">
      <t>ウンエイ</t>
    </rPh>
    <rPh sb="24" eb="26">
      <t>ホウシン</t>
    </rPh>
    <phoneticPr fontId="6"/>
  </si>
  <si>
    <r>
      <t>（１）１日の流れや年間カリキュラム等</t>
    </r>
    <r>
      <rPr>
        <sz val="10"/>
        <color indexed="8"/>
        <rFont val="HGPｺﾞｼｯｸM"/>
        <family val="3"/>
        <charset val="128"/>
      </rPr>
      <t>（様式８の概要等）</t>
    </r>
    <rPh sb="4" eb="5">
      <t>ニチ</t>
    </rPh>
    <rPh sb="6" eb="7">
      <t>ナガ</t>
    </rPh>
    <rPh sb="9" eb="11">
      <t>ネンカン</t>
    </rPh>
    <rPh sb="17" eb="18">
      <t>トウ</t>
    </rPh>
    <rPh sb="19" eb="21">
      <t>ヨウシキ</t>
    </rPh>
    <rPh sb="23" eb="25">
      <t>ガイヨウ</t>
    </rPh>
    <rPh sb="25" eb="26">
      <t>トウ</t>
    </rPh>
    <phoneticPr fontId="6"/>
  </si>
  <si>
    <t>（１）日々の児童の健康管理方法やアレルギー児童への対応等</t>
    <rPh sb="3" eb="5">
      <t>ヒビ</t>
    </rPh>
    <rPh sb="13" eb="15">
      <t>ホウホウ</t>
    </rPh>
    <phoneticPr fontId="6"/>
  </si>
  <si>
    <t>３．児童の健康管理について</t>
    <rPh sb="2" eb="4">
      <t>ジドウ</t>
    </rPh>
    <rPh sb="5" eb="7">
      <t>ケンコウ</t>
    </rPh>
    <rPh sb="7" eb="9">
      <t>カンリ</t>
    </rPh>
    <phoneticPr fontId="6"/>
  </si>
  <si>
    <t>（２）障害児受入</t>
    <rPh sb="3" eb="5">
      <t>ショウガイ</t>
    </rPh>
    <rPh sb="5" eb="6">
      <t>ジ</t>
    </rPh>
    <rPh sb="6" eb="8">
      <t>ウケイレ</t>
    </rPh>
    <phoneticPr fontId="6"/>
  </si>
  <si>
    <t>４．サービスの向上について</t>
    <rPh sb="7" eb="9">
      <t>コウジョウ</t>
    </rPh>
    <phoneticPr fontId="6"/>
  </si>
  <si>
    <t>（１）保護者との信頼関係を築くための取り組み等</t>
    <rPh sb="3" eb="6">
      <t>ホゴシャ</t>
    </rPh>
    <rPh sb="8" eb="10">
      <t>シンライ</t>
    </rPh>
    <rPh sb="10" eb="12">
      <t>カンケイ</t>
    </rPh>
    <rPh sb="13" eb="14">
      <t>キズ</t>
    </rPh>
    <rPh sb="18" eb="19">
      <t>ト</t>
    </rPh>
    <rPh sb="20" eb="21">
      <t>ク</t>
    </rPh>
    <rPh sb="22" eb="23">
      <t>トウ</t>
    </rPh>
    <phoneticPr fontId="6"/>
  </si>
  <si>
    <t>（２）学校・地域等との連携及び協力体制を築くための取り組み等</t>
    <phoneticPr fontId="6"/>
  </si>
  <si>
    <t>５．登所降所時の安全確保について</t>
    <rPh sb="2" eb="4">
      <t>ノボルショ</t>
    </rPh>
    <rPh sb="4" eb="6">
      <t>コウショ</t>
    </rPh>
    <rPh sb="6" eb="7">
      <t>ジ</t>
    </rPh>
    <rPh sb="8" eb="10">
      <t>アンゼン</t>
    </rPh>
    <rPh sb="10" eb="12">
      <t>カクホ</t>
    </rPh>
    <phoneticPr fontId="6"/>
  </si>
  <si>
    <t>（１）学校から民設民営放課後児童クラブまでの安全確保（送迎含む）の取り組みについて</t>
    <rPh sb="3" eb="5">
      <t>ガッコウ</t>
    </rPh>
    <rPh sb="7" eb="8">
      <t>ミン</t>
    </rPh>
    <rPh sb="8" eb="9">
      <t>セツ</t>
    </rPh>
    <rPh sb="9" eb="11">
      <t>ミンエイ</t>
    </rPh>
    <rPh sb="11" eb="14">
      <t>ホウカゴ</t>
    </rPh>
    <rPh sb="14" eb="16">
      <t>ジドウ</t>
    </rPh>
    <rPh sb="22" eb="24">
      <t>アンゼン</t>
    </rPh>
    <rPh sb="24" eb="26">
      <t>カクホ</t>
    </rPh>
    <rPh sb="27" eb="29">
      <t>ソウゲイ</t>
    </rPh>
    <rPh sb="29" eb="30">
      <t>フク</t>
    </rPh>
    <rPh sb="33" eb="34">
      <t>ト</t>
    </rPh>
    <rPh sb="35" eb="36">
      <t>ク</t>
    </rPh>
    <phoneticPr fontId="6"/>
  </si>
  <si>
    <t>（２）防災・防犯についての考え方</t>
    <rPh sb="3" eb="5">
      <t>ボウサイ</t>
    </rPh>
    <rPh sb="6" eb="8">
      <t>ボウハン</t>
    </rPh>
    <rPh sb="13" eb="14">
      <t>カンガ</t>
    </rPh>
    <rPh sb="15" eb="16">
      <t>カタ</t>
    </rPh>
    <phoneticPr fontId="6"/>
  </si>
  <si>
    <t>６．自主事業の実施について</t>
    <rPh sb="2" eb="6">
      <t>ジシュジギョウ</t>
    </rPh>
    <rPh sb="7" eb="9">
      <t>ジッシ</t>
    </rPh>
    <phoneticPr fontId="6"/>
  </si>
  <si>
    <t>（１）自主事業の予定について</t>
    <rPh sb="3" eb="7">
      <t>ジシュジギョウ</t>
    </rPh>
    <rPh sb="8" eb="10">
      <t>ヨテイ</t>
    </rPh>
    <phoneticPr fontId="4"/>
  </si>
  <si>
    <t>保育室１（内法）</t>
    <rPh sb="0" eb="3">
      <t>ホイクシツ</t>
    </rPh>
    <rPh sb="5" eb="7">
      <t>ウチノリ</t>
    </rPh>
    <phoneticPr fontId="6"/>
  </si>
  <si>
    <t>保育室２（内法）</t>
    <rPh sb="0" eb="3">
      <t>ホイクシツ</t>
    </rPh>
    <rPh sb="5" eb="7">
      <t>ウチノリ</t>
    </rPh>
    <phoneticPr fontId="6"/>
  </si>
  <si>
    <t>避難設備
（保育室が2階以上の場合）</t>
    <rPh sb="0" eb="2">
      <t>ヒナン</t>
    </rPh>
    <rPh sb="2" eb="4">
      <t>セツビ</t>
    </rPh>
    <rPh sb="6" eb="8">
      <t>ホイク</t>
    </rPh>
    <rPh sb="8" eb="9">
      <t>シツ</t>
    </rPh>
    <rPh sb="11" eb="12">
      <t>カイ</t>
    </rPh>
    <rPh sb="12" eb="14">
      <t>イジョウ</t>
    </rPh>
    <rPh sb="15" eb="17">
      <t>バアイ</t>
    </rPh>
    <phoneticPr fontId="6"/>
  </si>
  <si>
    <t>非常災害対策に関する指針</t>
    <rPh sb="0" eb="2">
      <t>ヒジョウ</t>
    </rPh>
    <rPh sb="2" eb="4">
      <t>サイガイ</t>
    </rPh>
    <rPh sb="4" eb="6">
      <t>タイサク</t>
    </rPh>
    <rPh sb="7" eb="8">
      <t>カン</t>
    </rPh>
    <rPh sb="10" eb="12">
      <t>シシン</t>
    </rPh>
    <phoneticPr fontId="6"/>
  </si>
  <si>
    <t>関係機関への連絡マニュアル</t>
    <rPh sb="0" eb="2">
      <t>カンケイ</t>
    </rPh>
    <rPh sb="2" eb="4">
      <t>キカン</t>
    </rPh>
    <rPh sb="6" eb="8">
      <t>レンラク</t>
    </rPh>
    <phoneticPr fontId="6"/>
  </si>
  <si>
    <t>非常災害対策に関する指針を保護者・職員へ周知する具体的方法等</t>
    <rPh sb="13" eb="16">
      <t>ホゴシャ</t>
    </rPh>
    <rPh sb="17" eb="19">
      <t>ショクイン</t>
    </rPh>
    <rPh sb="20" eb="22">
      <t>シュウチ</t>
    </rPh>
    <rPh sb="24" eb="27">
      <t>グタイテキ</t>
    </rPh>
    <rPh sb="27" eb="29">
      <t>ホウホウ</t>
    </rPh>
    <rPh sb="29" eb="30">
      <t>トウ</t>
    </rPh>
    <phoneticPr fontId="4"/>
  </si>
  <si>
    <t>（５）職員研修と職員育成方針について（職員の資質向上に係る具体的方策）</t>
    <rPh sb="3" eb="5">
      <t>ショクイン</t>
    </rPh>
    <rPh sb="5" eb="7">
      <t>ケンシュウ</t>
    </rPh>
    <rPh sb="8" eb="10">
      <t>ショクイン</t>
    </rPh>
    <rPh sb="10" eb="12">
      <t>イクセイ</t>
    </rPh>
    <rPh sb="12" eb="14">
      <t>ホウシン</t>
    </rPh>
    <rPh sb="19" eb="21">
      <t>ショクイン</t>
    </rPh>
    <rPh sb="22" eb="24">
      <t>シシツ</t>
    </rPh>
    <rPh sb="24" eb="26">
      <t>コウジョウ</t>
    </rPh>
    <rPh sb="27" eb="28">
      <t>カカ</t>
    </rPh>
    <rPh sb="29" eb="32">
      <t>グタイテキ</t>
    </rPh>
    <rPh sb="32" eb="34">
      <t>ホウサク</t>
    </rPh>
    <phoneticPr fontId="6"/>
  </si>
  <si>
    <t>施設のしおりまたはﾊﾟﾝﾌﾚｯﾄ</t>
    <rPh sb="0" eb="2">
      <t>シセツ</t>
    </rPh>
    <phoneticPr fontId="6"/>
  </si>
  <si>
    <t>保育に係る職員配置計画等【様式８】</t>
    <rPh sb="0" eb="2">
      <t>ホイク</t>
    </rPh>
    <rPh sb="3" eb="4">
      <t>カカ</t>
    </rPh>
    <rPh sb="5" eb="7">
      <t>ショクイン</t>
    </rPh>
    <rPh sb="7" eb="9">
      <t>ハイチ</t>
    </rPh>
    <rPh sb="9" eb="10">
      <t>ケイ</t>
    </rPh>
    <rPh sb="10" eb="11">
      <t>カク</t>
    </rPh>
    <rPh sb="11" eb="12">
      <t>トウ</t>
    </rPh>
    <rPh sb="13" eb="15">
      <t>ヨウシキ</t>
    </rPh>
    <phoneticPr fontId="6"/>
  </si>
  <si>
    <t>様式自由，登所降所想定経路，最寄駅からの位置・経路、避難所位置・経路を図示したもの</t>
    <rPh sb="0" eb="2">
      <t>ヨウシキ</t>
    </rPh>
    <rPh sb="2" eb="4">
      <t>ジユウ</t>
    </rPh>
    <rPh sb="5" eb="7">
      <t>ノボルショ</t>
    </rPh>
    <rPh sb="7" eb="9">
      <t>コウショ</t>
    </rPh>
    <rPh sb="9" eb="11">
      <t>ソウテイ</t>
    </rPh>
    <rPh sb="11" eb="13">
      <t>ケイロ</t>
    </rPh>
    <rPh sb="14" eb="16">
      <t>モヨ</t>
    </rPh>
    <rPh sb="16" eb="17">
      <t>エキ</t>
    </rPh>
    <rPh sb="20" eb="22">
      <t>イチ</t>
    </rPh>
    <rPh sb="23" eb="25">
      <t>ケイロ</t>
    </rPh>
    <rPh sb="26" eb="29">
      <t>ヒナンショ</t>
    </rPh>
    <rPh sb="29" eb="31">
      <t>イチ</t>
    </rPh>
    <rPh sb="32" eb="34">
      <t>ケイロ</t>
    </rPh>
    <rPh sb="35" eb="37">
      <t>ズシ</t>
    </rPh>
    <phoneticPr fontId="6"/>
  </si>
  <si>
    <t>自主事業に関する計画案</t>
    <rPh sb="0" eb="4">
      <t>ジシュジギョウ</t>
    </rPh>
    <rPh sb="5" eb="6">
      <t>カン</t>
    </rPh>
    <rPh sb="8" eb="10">
      <t>ケイカク</t>
    </rPh>
    <rPh sb="10" eb="11">
      <t>アン</t>
    </rPh>
    <phoneticPr fontId="6"/>
  </si>
  <si>
    <t>事業収入</t>
    <rPh sb="0" eb="2">
      <t>ジギョウ</t>
    </rPh>
    <rPh sb="2" eb="4">
      <t>シュウニュウ</t>
    </rPh>
    <phoneticPr fontId="42"/>
  </si>
  <si>
    <t>保護者負担金</t>
    <rPh sb="0" eb="3">
      <t>ホゴシャ</t>
    </rPh>
    <rPh sb="3" eb="6">
      <t>フタンキン</t>
    </rPh>
    <phoneticPr fontId="42"/>
  </si>
  <si>
    <t>【資金収支予算】</t>
    <rPh sb="1" eb="3">
      <t>シキン</t>
    </rPh>
    <rPh sb="3" eb="5">
      <t>シュウシ</t>
    </rPh>
    <rPh sb="5" eb="7">
      <t>ヨサン</t>
    </rPh>
    <phoneticPr fontId="42"/>
  </si>
  <si>
    <t>令和８年度予算</t>
    <rPh sb="0" eb="1">
      <t>レイ</t>
    </rPh>
    <rPh sb="1" eb="2">
      <t>ワ</t>
    </rPh>
    <rPh sb="3" eb="5">
      <t>ネンド</t>
    </rPh>
    <rPh sb="5" eb="7">
      <t>ヨサン</t>
    </rPh>
    <phoneticPr fontId="42"/>
  </si>
  <si>
    <t>入会金</t>
    <rPh sb="0" eb="3">
      <t>ニュウカイキン</t>
    </rPh>
    <phoneticPr fontId="4"/>
  </si>
  <si>
    <t>利用料</t>
    <rPh sb="0" eb="3">
      <t>リヨウリョウ</t>
    </rPh>
    <phoneticPr fontId="42"/>
  </si>
  <si>
    <t>保険料</t>
    <rPh sb="0" eb="3">
      <t>ホケンリョウ</t>
    </rPh>
    <phoneticPr fontId="4"/>
  </si>
  <si>
    <t>おやつ代</t>
    <rPh sb="3" eb="4">
      <t>ダイ</t>
    </rPh>
    <phoneticPr fontId="4"/>
  </si>
  <si>
    <t>その他経費</t>
    <rPh sb="2" eb="3">
      <t>タ</t>
    </rPh>
    <rPh sb="3" eb="5">
      <t>ケイヒ</t>
    </rPh>
    <phoneticPr fontId="4"/>
  </si>
  <si>
    <t>備品購入支出</t>
    <rPh sb="0" eb="2">
      <t>ビヒン</t>
    </rPh>
    <rPh sb="2" eb="4">
      <t>コウニュウ</t>
    </rPh>
    <rPh sb="4" eb="6">
      <t>シシュツ</t>
    </rPh>
    <phoneticPr fontId="42"/>
  </si>
  <si>
    <t>消耗費支出</t>
    <rPh sb="0" eb="2">
      <t>ショウモウ</t>
    </rPh>
    <rPh sb="2" eb="3">
      <t>ヒ</t>
    </rPh>
    <rPh sb="3" eb="5">
      <t>シシュツ</t>
    </rPh>
    <phoneticPr fontId="42"/>
  </si>
  <si>
    <t>保険料支出</t>
    <rPh sb="0" eb="3">
      <t>ホケンリョウ</t>
    </rPh>
    <rPh sb="3" eb="5">
      <t>シシュツ</t>
    </rPh>
    <phoneticPr fontId="4"/>
  </si>
  <si>
    <t>修繕費支出</t>
    <rPh sb="0" eb="2">
      <t>シュウゼン</t>
    </rPh>
    <rPh sb="2" eb="3">
      <t>ヒ</t>
    </rPh>
    <rPh sb="3" eb="5">
      <t>シシュツ</t>
    </rPh>
    <phoneticPr fontId="42"/>
  </si>
  <si>
    <t>共益費支出</t>
    <rPh sb="0" eb="3">
      <t>キョウエキヒ</t>
    </rPh>
    <rPh sb="3" eb="5">
      <t>シシュツ</t>
    </rPh>
    <phoneticPr fontId="4"/>
  </si>
  <si>
    <t>駐車場利用支出</t>
    <rPh sb="0" eb="5">
      <t>チュウシャジョウリヨウ</t>
    </rPh>
    <rPh sb="5" eb="7">
      <t>シシュツ</t>
    </rPh>
    <phoneticPr fontId="4"/>
  </si>
  <si>
    <t>＜施設利用費計＞</t>
    <rPh sb="1" eb="3">
      <t>シセツ</t>
    </rPh>
    <rPh sb="3" eb="5">
      <t>リヨウ</t>
    </rPh>
    <rPh sb="5" eb="6">
      <t>ヒ</t>
    </rPh>
    <rPh sb="6" eb="7">
      <t>ケイ</t>
    </rPh>
    <phoneticPr fontId="42"/>
  </si>
  <si>
    <t>＜管理費計＞</t>
    <rPh sb="1" eb="3">
      <t>カンリ</t>
    </rPh>
    <rPh sb="3" eb="4">
      <t>ヒ</t>
    </rPh>
    <rPh sb="4" eb="5">
      <t>ケイ</t>
    </rPh>
    <phoneticPr fontId="42"/>
  </si>
  <si>
    <t>事業費支出</t>
    <rPh sb="0" eb="2">
      <t>ジギョウ</t>
    </rPh>
    <rPh sb="2" eb="3">
      <t>ヒ</t>
    </rPh>
    <rPh sb="3" eb="5">
      <t>シシュツ</t>
    </rPh>
    <phoneticPr fontId="42"/>
  </si>
  <si>
    <t>管理費支出</t>
    <rPh sb="0" eb="2">
      <t>カンリ</t>
    </rPh>
    <rPh sb="2" eb="3">
      <t>ヒ</t>
    </rPh>
    <rPh sb="3" eb="5">
      <t>シシュツ</t>
    </rPh>
    <phoneticPr fontId="42"/>
  </si>
  <si>
    <t>施設利用費支出</t>
    <rPh sb="0" eb="2">
      <t>シセツ</t>
    </rPh>
    <rPh sb="2" eb="4">
      <t>リヨウ</t>
    </rPh>
    <rPh sb="4" eb="5">
      <t>ヒ</t>
    </rPh>
    <rPh sb="5" eb="7">
      <t>シシュツ</t>
    </rPh>
    <phoneticPr fontId="4"/>
  </si>
  <si>
    <t>食費支出</t>
    <rPh sb="0" eb="2">
      <t>ショクヒ</t>
    </rPh>
    <rPh sb="2" eb="4">
      <t>シシュツ</t>
    </rPh>
    <phoneticPr fontId="42"/>
  </si>
  <si>
    <t>＜事業費計＞</t>
    <rPh sb="1" eb="3">
      <t>ジギョウ</t>
    </rPh>
    <rPh sb="3" eb="4">
      <t>ヒ</t>
    </rPh>
    <rPh sb="4" eb="5">
      <t>ケイ</t>
    </rPh>
    <phoneticPr fontId="42"/>
  </si>
  <si>
    <t>消耗品・備品購入</t>
    <rPh sb="0" eb="3">
      <t>ショウモウヒン</t>
    </rPh>
    <rPh sb="4" eb="8">
      <t>ビヒンコウニュウ</t>
    </rPh>
    <phoneticPr fontId="4"/>
  </si>
  <si>
    <t>施設改修費</t>
    <rPh sb="0" eb="2">
      <t>シセツ</t>
    </rPh>
    <rPh sb="2" eb="5">
      <t>カイシュウヒ</t>
    </rPh>
    <phoneticPr fontId="4"/>
  </si>
  <si>
    <t>正1</t>
    <rPh sb="0" eb="1">
      <t>セイ</t>
    </rPh>
    <phoneticPr fontId="6"/>
  </si>
  <si>
    <t>提出期限：【No1～2】令和8年6月12日（金）【No3～31】令和8年6月19日（金）</t>
    <rPh sb="0" eb="2">
      <t>テイシュツ</t>
    </rPh>
    <rPh sb="2" eb="4">
      <t>キゲン</t>
    </rPh>
    <rPh sb="12" eb="14">
      <t>レイワ</t>
    </rPh>
    <rPh sb="15" eb="16">
      <t>ネン</t>
    </rPh>
    <rPh sb="17" eb="18">
      <t>ガツ</t>
    </rPh>
    <rPh sb="20" eb="21">
      <t>ニチ</t>
    </rPh>
    <rPh sb="22" eb="23">
      <t>キン</t>
    </rPh>
    <rPh sb="32" eb="34">
      <t>レイワ</t>
    </rPh>
    <rPh sb="35" eb="36">
      <t>ネン</t>
    </rPh>
    <rPh sb="37" eb="38">
      <t>ガツ</t>
    </rPh>
    <rPh sb="40" eb="41">
      <t>ヒ</t>
    </rPh>
    <rPh sb="42" eb="43">
      <t>キン</t>
    </rPh>
    <phoneticPr fontId="4"/>
  </si>
  <si>
    <t>　伊丹市放課後児童健全育成事業所設置・運営事業者募集の申し込みにあたり、下記の事項を誓約します。
　後日、誓約した内容に違反する事実が判明した場合若しくは応募受付後から審査・選定までの間に誓約した内容に違反した場合、無効又は失格とされても一切異議を申し立てません。
　また、募集要項の応募資格に規定する資格要件を確認するため、「伊丹市契約等からの暴力団排除に関する要綱」第３条に基づき、伊丹市が本誓約書及び理事・役員等名簿等から収集した個人情報を兵庫県伊丹警察署へ提供、照会することに同意します。</t>
    <rPh sb="21" eb="23">
      <t>ジギョウ</t>
    </rPh>
    <rPh sb="27" eb="28">
      <t>モウ</t>
    </rPh>
    <rPh sb="29" eb="30">
      <t>コ</t>
    </rPh>
    <rPh sb="36" eb="38">
      <t>カキ</t>
    </rPh>
    <rPh sb="39" eb="41">
      <t>ジコウ</t>
    </rPh>
    <rPh sb="42" eb="44">
      <t>セイヤク</t>
    </rPh>
    <rPh sb="50" eb="52">
      <t>ゴジツ</t>
    </rPh>
    <rPh sb="53" eb="55">
      <t>セイヤク</t>
    </rPh>
    <rPh sb="57" eb="59">
      <t>ナイヨウ</t>
    </rPh>
    <rPh sb="60" eb="62">
      <t>イハン</t>
    </rPh>
    <rPh sb="64" eb="66">
      <t>ジジツ</t>
    </rPh>
    <rPh sb="67" eb="69">
      <t>ハンメイ</t>
    </rPh>
    <rPh sb="71" eb="73">
      <t>バアイ</t>
    </rPh>
    <rPh sb="73" eb="74">
      <t>モ</t>
    </rPh>
    <rPh sb="77" eb="79">
      <t>オウボ</t>
    </rPh>
    <rPh sb="79" eb="81">
      <t>ウケツケ</t>
    </rPh>
    <rPh sb="81" eb="82">
      <t>ゴ</t>
    </rPh>
    <rPh sb="84" eb="86">
      <t>シンサ</t>
    </rPh>
    <rPh sb="87" eb="89">
      <t>センテイ</t>
    </rPh>
    <rPh sb="92" eb="93">
      <t>アイダ</t>
    </rPh>
    <rPh sb="94" eb="96">
      <t>セイヤク</t>
    </rPh>
    <rPh sb="98" eb="100">
      <t>ナイヨウ</t>
    </rPh>
    <rPh sb="101" eb="103">
      <t>イハン</t>
    </rPh>
    <rPh sb="105" eb="107">
      <t>バアイ</t>
    </rPh>
    <rPh sb="108" eb="110">
      <t>ムコウ</t>
    </rPh>
    <rPh sb="110" eb="111">
      <t>マタ</t>
    </rPh>
    <rPh sb="112" eb="114">
      <t>シッカク</t>
    </rPh>
    <rPh sb="119" eb="121">
      <t>イッサイ</t>
    </rPh>
    <rPh sb="121" eb="123">
      <t>イギ</t>
    </rPh>
    <rPh sb="124" eb="125">
      <t>モウ</t>
    </rPh>
    <rPh sb="126" eb="127">
      <t>タ</t>
    </rPh>
    <phoneticPr fontId="6"/>
  </si>
  <si>
    <t xml:space="preserve">１．申込書の提出に際し、伊丹市放課後児童健全育成事業所設置及び運営事業者募集要項（以下、「募集要項」という。）に定める事項を十分理解し、承知したうえで申し込みます。
２．法人及び役員等が、「伊丹市暴力団排除条例」第２条第１号に規定する暴力団及び同条第２号
　に規定する暴力団員並びに同条第３号に規定する暴力団員密接関係者に該当しません。
３．前項のほか、募集要項に定められている応募資格をすべて満たしています。
</t>
    <rPh sb="2" eb="4">
      <t>モウシコミ</t>
    </rPh>
    <rPh sb="4" eb="5">
      <t>ショ</t>
    </rPh>
    <rPh sb="6" eb="8">
      <t>テイシュツ</t>
    </rPh>
    <rPh sb="9" eb="10">
      <t>サイ</t>
    </rPh>
    <rPh sb="12" eb="15">
      <t>イタミシ</t>
    </rPh>
    <rPh sb="27" eb="29">
      <t>セッチ</t>
    </rPh>
    <rPh sb="29" eb="30">
      <t>オヨ</t>
    </rPh>
    <rPh sb="31" eb="33">
      <t>ウンエイ</t>
    </rPh>
    <rPh sb="33" eb="35">
      <t>ジギョウ</t>
    </rPh>
    <rPh sb="36" eb="38">
      <t>ボシュウ</t>
    </rPh>
    <rPh sb="38" eb="40">
      <t>ヨウコウ</t>
    </rPh>
    <rPh sb="41" eb="43">
      <t>イカ</t>
    </rPh>
    <rPh sb="45" eb="47">
      <t>ボシュウ</t>
    </rPh>
    <rPh sb="47" eb="49">
      <t>ヨウコウ</t>
    </rPh>
    <rPh sb="56" eb="57">
      <t>サダ</t>
    </rPh>
    <rPh sb="59" eb="61">
      <t>ジコウ</t>
    </rPh>
    <rPh sb="62" eb="64">
      <t>ジュウブン</t>
    </rPh>
    <rPh sb="64" eb="66">
      <t>リカイ</t>
    </rPh>
    <rPh sb="68" eb="70">
      <t>ショウチ</t>
    </rPh>
    <rPh sb="75" eb="76">
      <t>モウ</t>
    </rPh>
    <rPh sb="77" eb="78">
      <t>コ</t>
    </rPh>
    <rPh sb="173" eb="175">
      <t>ゼンコウ</t>
    </rPh>
    <rPh sb="179" eb="181">
      <t>ボシュウ</t>
    </rPh>
    <rPh sb="181" eb="183">
      <t>ヨウコウ</t>
    </rPh>
    <rPh sb="184" eb="185">
      <t>サダ</t>
    </rPh>
    <rPh sb="191" eb="193">
      <t>オウボ</t>
    </rPh>
    <rPh sb="193" eb="195">
      <t>シカク</t>
    </rPh>
    <rPh sb="199" eb="200">
      <t>ミ</t>
    </rPh>
    <phoneticPr fontId="6"/>
  </si>
  <si>
    <t>施設整備関連費用）令和8年8月●日～令和9年3月31日　運営費）令和9年4月1日～令和10年3月31日</t>
    <rPh sb="0" eb="2">
      <t>シセツ</t>
    </rPh>
    <rPh sb="2" eb="4">
      <t>セイビ</t>
    </rPh>
    <rPh sb="4" eb="6">
      <t>カンレン</t>
    </rPh>
    <rPh sb="6" eb="8">
      <t>ヒヨウ</t>
    </rPh>
    <rPh sb="9" eb="11">
      <t>レイワ</t>
    </rPh>
    <rPh sb="12" eb="13">
      <t>ネン</t>
    </rPh>
    <rPh sb="14" eb="15">
      <t>ガツ</t>
    </rPh>
    <rPh sb="16" eb="17">
      <t>ヒ</t>
    </rPh>
    <rPh sb="18" eb="20">
      <t>レイワ</t>
    </rPh>
    <rPh sb="21" eb="22">
      <t>ネン</t>
    </rPh>
    <rPh sb="23" eb="24">
      <t>ガツ</t>
    </rPh>
    <rPh sb="26" eb="27">
      <t>ヒ</t>
    </rPh>
    <rPh sb="28" eb="30">
      <t>ウンエイ</t>
    </rPh>
    <rPh sb="30" eb="31">
      <t>ヒ</t>
    </rPh>
    <rPh sb="32" eb="33">
      <t>レイ</t>
    </rPh>
    <rPh sb="33" eb="34">
      <t>ワ</t>
    </rPh>
    <rPh sb="35" eb="36">
      <t>ネン</t>
    </rPh>
    <rPh sb="37" eb="38">
      <t>ツキ</t>
    </rPh>
    <rPh sb="39" eb="40">
      <t>ニチ</t>
    </rPh>
    <rPh sb="41" eb="43">
      <t>レイワ</t>
    </rPh>
    <rPh sb="45" eb="46">
      <t>ネン</t>
    </rPh>
    <rPh sb="47" eb="48">
      <t>ガツ</t>
    </rPh>
    <rPh sb="50" eb="51">
      <t>ニチ</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0&quot;㎡&quot;"/>
    <numFmt numFmtId="177" formatCode="0.00_ "/>
  </numFmts>
  <fonts count="54">
    <font>
      <sz val="11"/>
      <color theme="1"/>
      <name val="ＭＳ Ｐゴシック"/>
      <family val="3"/>
      <charset val="128"/>
      <scheme val="minor"/>
    </font>
    <font>
      <sz val="11"/>
      <color theme="1"/>
      <name val="ＭＳ Ｐゴシック"/>
      <family val="2"/>
      <charset val="128"/>
    </font>
    <font>
      <sz val="11"/>
      <color theme="1"/>
      <name val="ＭＳ Ｐゴシック"/>
      <family val="3"/>
      <charset val="128"/>
      <scheme val="minor"/>
    </font>
    <font>
      <sz val="11"/>
      <color theme="1"/>
      <name val="ＭＳ 明朝"/>
      <family val="1"/>
      <charset val="128"/>
    </font>
    <font>
      <sz val="6"/>
      <name val="ＭＳ Ｐゴシック"/>
      <family val="3"/>
      <charset val="128"/>
      <scheme val="minor"/>
    </font>
    <font>
      <sz val="16"/>
      <color theme="1"/>
      <name val="HGｺﾞｼｯｸM"/>
      <family val="3"/>
      <charset val="128"/>
    </font>
    <font>
      <sz val="6"/>
      <name val="ＭＳ Ｐゴシック"/>
      <family val="3"/>
      <charset val="128"/>
    </font>
    <font>
      <sz val="16"/>
      <color theme="1"/>
      <name val="ＭＳ Ｐゴシック"/>
      <family val="3"/>
      <charset val="128"/>
      <scheme val="minor"/>
    </font>
    <font>
      <sz val="10"/>
      <color theme="1"/>
      <name val="ＭＳ 明朝"/>
      <family val="1"/>
      <charset val="128"/>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0"/>
      <color theme="1"/>
      <name val="HGSｺﾞｼｯｸM"/>
      <family val="3"/>
      <charset val="128"/>
    </font>
    <font>
      <b/>
      <sz val="10"/>
      <color theme="1"/>
      <name val="HGｺﾞｼｯｸM"/>
      <family val="3"/>
      <charset val="128"/>
    </font>
    <font>
      <sz val="10"/>
      <color theme="1"/>
      <name val="ＭＳ Ｐゴシック"/>
      <family val="3"/>
      <charset val="128"/>
      <scheme val="minor"/>
    </font>
    <font>
      <sz val="11"/>
      <color theme="1"/>
      <name val="HGPｺﾞｼｯｸM"/>
      <family val="3"/>
      <charset val="128"/>
    </font>
    <font>
      <sz val="10"/>
      <color theme="1"/>
      <name val="HGPｺﾞｼｯｸM"/>
      <family val="3"/>
      <charset val="128"/>
    </font>
    <font>
      <sz val="16"/>
      <color theme="1"/>
      <name val="HGPｺﾞｼｯｸM"/>
      <family val="3"/>
      <charset val="128"/>
    </font>
    <font>
      <sz val="16"/>
      <color theme="1"/>
      <name val="ＭＳ 明朝"/>
      <family val="1"/>
      <charset val="128"/>
    </font>
    <font>
      <sz val="10.5"/>
      <color theme="1"/>
      <name val="HGPｺﾞｼｯｸM"/>
      <family val="3"/>
      <charset val="128"/>
    </font>
    <font>
      <sz val="10.5"/>
      <color theme="1"/>
      <name val="ＭＳ 明朝"/>
      <family val="1"/>
      <charset val="128"/>
    </font>
    <font>
      <sz val="10.5"/>
      <name val="ＭＳ 明朝"/>
      <family val="1"/>
      <charset val="128"/>
    </font>
    <font>
      <sz val="10"/>
      <name val="ＭＳ 明朝"/>
      <family val="1"/>
      <charset val="128"/>
    </font>
    <font>
      <sz val="10.5"/>
      <color indexed="8"/>
      <name val="HGPｺﾞｼｯｸM"/>
      <family val="3"/>
      <charset val="128"/>
    </font>
    <font>
      <sz val="10.5"/>
      <color theme="1"/>
      <name val="HGｺﾞｼｯｸM"/>
      <family val="3"/>
      <charset val="128"/>
    </font>
    <font>
      <sz val="11"/>
      <color theme="1"/>
      <name val="HGｺﾞｼｯｸM"/>
      <family val="3"/>
      <charset val="128"/>
    </font>
    <font>
      <sz val="11"/>
      <name val="HGｺﾞｼｯｸM"/>
      <family val="3"/>
      <charset val="128"/>
    </font>
    <font>
      <sz val="12"/>
      <name val="HGｺﾞｼｯｸM"/>
      <family val="3"/>
      <charset val="128"/>
    </font>
    <font>
      <sz val="12"/>
      <color theme="1"/>
      <name val="HGｺﾞｼｯｸM"/>
      <family val="3"/>
      <charset val="128"/>
    </font>
    <font>
      <sz val="11"/>
      <name val="ＭＳ 明朝"/>
      <family val="1"/>
      <charset val="128"/>
    </font>
    <font>
      <sz val="16"/>
      <color theme="1"/>
      <name val="HGSｺﾞｼｯｸM"/>
      <family val="3"/>
      <charset val="128"/>
    </font>
    <font>
      <sz val="11"/>
      <color theme="1"/>
      <name val="ＭＳ Ｐ明朝"/>
      <family val="1"/>
      <charset val="128"/>
    </font>
    <font>
      <b/>
      <sz val="14"/>
      <color theme="1"/>
      <name val="HG丸ｺﾞｼｯｸM-PRO"/>
      <family val="3"/>
      <charset val="128"/>
    </font>
    <font>
      <b/>
      <sz val="14"/>
      <name val="HG丸ｺﾞｼｯｸM-PRO"/>
      <family val="3"/>
      <charset val="128"/>
    </font>
    <font>
      <sz val="11"/>
      <name val="ＭＳ Ｐ明朝"/>
      <family val="1"/>
      <charset val="128"/>
    </font>
    <font>
      <sz val="10"/>
      <name val="ＭＳ Ｐ明朝"/>
      <family val="1"/>
      <charset val="128"/>
    </font>
    <font>
      <sz val="12"/>
      <color theme="1"/>
      <name val="ＭＳ Ｐゴシック"/>
      <family val="3"/>
      <charset val="128"/>
      <scheme val="minor"/>
    </font>
    <font>
      <sz val="10"/>
      <color indexed="8"/>
      <name val="ＭＳ Ｐ明朝"/>
      <family val="1"/>
      <charset val="128"/>
    </font>
    <font>
      <sz val="10"/>
      <color indexed="8"/>
      <name val="HGPｺﾞｼｯｸM"/>
      <family val="3"/>
      <charset val="128"/>
    </font>
    <font>
      <u/>
      <sz val="11"/>
      <color theme="1"/>
      <name val="ＭＳ 明朝"/>
      <family val="1"/>
      <charset val="128"/>
    </font>
    <font>
      <sz val="9"/>
      <color theme="1"/>
      <name val="ＭＳ Ｐゴシック"/>
      <family val="2"/>
      <charset val="128"/>
      <scheme val="minor"/>
    </font>
    <font>
      <sz val="6"/>
      <name val="ＭＳ Ｐゴシック"/>
      <family val="2"/>
      <charset val="128"/>
      <scheme val="minor"/>
    </font>
    <font>
      <sz val="9"/>
      <color theme="1"/>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b/>
      <sz val="16"/>
      <color rgb="FFFF0000"/>
      <name val="ＭＳ Ｐゴシック"/>
      <family val="3"/>
      <charset val="128"/>
      <scheme val="minor"/>
    </font>
    <font>
      <sz val="11"/>
      <color theme="1"/>
      <name val="BIZ UDゴシック"/>
      <family val="3"/>
      <charset val="128"/>
    </font>
    <font>
      <sz val="6"/>
      <name val="ＭＳ Ｐゴシック"/>
      <family val="2"/>
      <charset val="128"/>
    </font>
    <font>
      <sz val="8"/>
      <color theme="1"/>
      <name val="BIZ UDゴシック"/>
      <family val="3"/>
      <charset val="128"/>
    </font>
    <font>
      <sz val="9"/>
      <color theme="1"/>
      <name val="BIZ UDゴシック"/>
      <family val="3"/>
      <charset val="128"/>
    </font>
    <font>
      <sz val="16"/>
      <color theme="1"/>
      <name val="HG丸ｺﾞｼｯｸM-PRO"/>
      <family val="3"/>
      <charset val="128"/>
    </font>
    <font>
      <sz val="11"/>
      <name val="HG丸ｺﾞｼｯｸM-PRO"/>
      <family val="3"/>
      <charset val="128"/>
    </font>
    <font>
      <sz val="8"/>
      <name val="ＭＳ Ｐゴシック"/>
      <family val="3"/>
      <charset val="128"/>
      <scheme val="minor"/>
    </font>
  </fonts>
  <fills count="7">
    <fill>
      <patternFill patternType="none"/>
    </fill>
    <fill>
      <patternFill patternType="gray125"/>
    </fill>
    <fill>
      <patternFill patternType="solid">
        <fgColor rgb="FFCCFFCC"/>
        <bgColor indexed="64"/>
      </patternFill>
    </fill>
    <fill>
      <patternFill patternType="solid">
        <fgColor rgb="FFFF99CC"/>
        <bgColor indexed="64"/>
      </patternFill>
    </fill>
    <fill>
      <patternFill patternType="solid">
        <fgColor theme="8" tint="0.79998168889431442"/>
        <bgColor indexed="64"/>
      </patternFill>
    </fill>
    <fill>
      <patternFill patternType="solid">
        <fgColor theme="5" tint="0.79998168889431442"/>
        <bgColor indexed="64"/>
      </patternFill>
    </fill>
    <fill>
      <patternFill patternType="solid">
        <fgColor theme="9" tint="0.79998168889431442"/>
        <bgColor indexed="64"/>
      </patternFill>
    </fill>
  </fills>
  <borders count="103">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right/>
      <top style="medium">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diagonalDown="1">
      <left style="medium">
        <color indexed="64"/>
      </left>
      <right style="thin">
        <color indexed="64"/>
      </right>
      <top style="thin">
        <color indexed="64"/>
      </top>
      <bottom style="thin">
        <color indexed="64"/>
      </bottom>
      <diagonal style="hair">
        <color indexed="64"/>
      </diagonal>
    </border>
    <border>
      <left style="thin">
        <color indexed="64"/>
      </left>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double">
        <color indexed="64"/>
      </left>
      <right style="thin">
        <color indexed="64"/>
      </right>
      <top style="double">
        <color indexed="64"/>
      </top>
      <bottom style="thin">
        <color indexed="64"/>
      </bottom>
      <diagonal/>
    </border>
    <border>
      <left style="dashed">
        <color indexed="64"/>
      </left>
      <right/>
      <top style="thin">
        <color indexed="64"/>
      </top>
      <bottom/>
      <diagonal/>
    </border>
    <border>
      <left style="dotted">
        <color indexed="64"/>
      </left>
      <right/>
      <top style="thin">
        <color indexed="64"/>
      </top>
      <bottom/>
      <diagonal/>
    </border>
    <border>
      <left/>
      <right style="dotted">
        <color indexed="64"/>
      </right>
      <top style="thin">
        <color indexed="64"/>
      </top>
      <bottom/>
      <diagonal/>
    </border>
    <border>
      <left style="dashed">
        <color indexed="64"/>
      </left>
      <right/>
      <top/>
      <bottom/>
      <diagonal/>
    </border>
    <border>
      <left style="dotted">
        <color indexed="64"/>
      </left>
      <right/>
      <top/>
      <bottom/>
      <diagonal/>
    </border>
    <border>
      <left/>
      <right style="dotted">
        <color indexed="64"/>
      </right>
      <top/>
      <bottom/>
      <diagonal/>
    </border>
    <border>
      <left style="dashed">
        <color indexed="64"/>
      </left>
      <right/>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double">
        <color indexed="64"/>
      </top>
      <bottom style="thin">
        <color indexed="64"/>
      </bottom>
      <diagonal/>
    </border>
    <border>
      <left/>
      <right/>
      <top/>
      <bottom style="medium">
        <color indexed="64"/>
      </bottom>
      <diagonal/>
    </border>
    <border>
      <left style="thin">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hair">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style="hair">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thin">
        <color indexed="64"/>
      </top>
      <bottom style="hair">
        <color indexed="64"/>
      </bottom>
      <diagonal/>
    </border>
    <border>
      <left/>
      <right/>
      <top style="hair">
        <color indexed="64"/>
      </top>
      <bottom style="thin">
        <color indexed="64"/>
      </bottom>
      <diagonal/>
    </border>
    <border diagonalUp="1">
      <left style="thin">
        <color indexed="64"/>
      </left>
      <right style="thin">
        <color indexed="64"/>
      </right>
      <top style="thin">
        <color indexed="64"/>
      </top>
      <bottom style="double">
        <color indexed="64"/>
      </bottom>
      <diagonal style="thin">
        <color indexed="64"/>
      </diagonal>
    </border>
  </borders>
  <cellStyleXfs count="9">
    <xf numFmtId="0" fontId="0" fillId="0" borderId="0"/>
    <xf numFmtId="38" fontId="9" fillId="0" borderId="0" applyFont="0" applyFill="0" applyBorder="0" applyAlignment="0" applyProtection="0">
      <alignment vertical="center"/>
    </xf>
    <xf numFmtId="0" fontId="2" fillId="0" borderId="0">
      <alignment vertical="center"/>
    </xf>
    <xf numFmtId="0" fontId="9" fillId="0" borderId="0">
      <alignment vertical="center"/>
    </xf>
    <xf numFmtId="0" fontId="9" fillId="0" borderId="0"/>
    <xf numFmtId="0" fontId="2" fillId="0" borderId="0">
      <alignment vertical="center"/>
    </xf>
    <xf numFmtId="38" fontId="2" fillId="0" borderId="0" applyFont="0" applyFill="0" applyBorder="0" applyAlignment="0" applyProtection="0">
      <alignment vertical="center"/>
    </xf>
    <xf numFmtId="38" fontId="2" fillId="0" borderId="0" applyFont="0" applyFill="0" applyBorder="0" applyAlignment="0" applyProtection="0">
      <alignment vertical="center"/>
    </xf>
    <xf numFmtId="0" fontId="1" fillId="0" borderId="0">
      <alignment vertical="center"/>
    </xf>
  </cellStyleXfs>
  <cellXfs count="631">
    <xf numFmtId="0" fontId="0" fillId="0" borderId="0" xfId="0"/>
    <xf numFmtId="0" fontId="3" fillId="0" borderId="0" xfId="0" applyFont="1" applyAlignment="1">
      <alignment vertical="center"/>
    </xf>
    <xf numFmtId="0" fontId="7" fillId="0" borderId="0" xfId="0" applyFont="1" applyAlignment="1">
      <alignment horizontal="center" vertical="center"/>
    </xf>
    <xf numFmtId="0" fontId="3" fillId="0" borderId="0" xfId="0" applyFont="1" applyAlignment="1">
      <alignment horizontal="center" vertical="center"/>
    </xf>
    <xf numFmtId="0" fontId="0" fillId="0" borderId="0" xfId="0" applyAlignment="1">
      <alignment vertical="center"/>
    </xf>
    <xf numFmtId="0" fontId="3" fillId="0" borderId="1" xfId="0" applyFont="1" applyBorder="1" applyAlignment="1">
      <alignment horizontal="center" vertical="center"/>
    </xf>
    <xf numFmtId="0" fontId="11" fillId="2" borderId="3" xfId="0" applyFont="1" applyFill="1" applyBorder="1" applyAlignment="1">
      <alignment horizontal="center" vertical="center"/>
    </xf>
    <xf numFmtId="0" fontId="11" fillId="2" borderId="1" xfId="0" applyFont="1" applyFill="1" applyBorder="1" applyAlignment="1">
      <alignment horizontal="center" vertical="center"/>
    </xf>
    <xf numFmtId="0" fontId="11" fillId="2" borderId="1" xfId="0" applyFont="1" applyFill="1" applyBorder="1" applyAlignment="1">
      <alignment horizontal="center" vertical="center" wrapText="1"/>
    </xf>
    <xf numFmtId="0" fontId="11" fillId="2" borderId="1" xfId="0" applyFont="1" applyFill="1" applyBorder="1" applyAlignment="1">
      <alignment horizontal="center" vertical="center" shrinkToFit="1"/>
    </xf>
    <xf numFmtId="0" fontId="12" fillId="0" borderId="5" xfId="0" applyFont="1" applyBorder="1" applyAlignment="1">
      <alignment vertical="center"/>
    </xf>
    <xf numFmtId="0" fontId="13" fillId="0" borderId="1" xfId="0" applyFont="1" applyBorder="1" applyAlignment="1">
      <alignment horizontal="center" vertical="center"/>
    </xf>
    <xf numFmtId="0" fontId="12" fillId="0" borderId="1" xfId="0" applyFont="1" applyBorder="1" applyAlignment="1">
      <alignment vertical="center" wrapText="1"/>
    </xf>
    <xf numFmtId="0" fontId="12" fillId="0" borderId="1" xfId="0" applyFont="1" applyBorder="1" applyAlignment="1">
      <alignment horizontal="center" vertical="center"/>
    </xf>
    <xf numFmtId="0" fontId="14" fillId="0" borderId="1" xfId="0" applyFont="1" applyBorder="1" applyAlignment="1">
      <alignment horizontal="center" vertical="center"/>
    </xf>
    <xf numFmtId="0" fontId="13" fillId="0" borderId="1" xfId="0" applyFont="1" applyBorder="1" applyAlignment="1">
      <alignment horizontal="center" vertical="center" wrapText="1"/>
    </xf>
    <xf numFmtId="0" fontId="12" fillId="0" borderId="1" xfId="0" applyFont="1" applyFill="1" applyBorder="1" applyAlignment="1">
      <alignment vertical="center" wrapText="1"/>
    </xf>
    <xf numFmtId="0" fontId="12" fillId="0" borderId="5" xfId="0" applyFont="1" applyBorder="1" applyAlignment="1">
      <alignment horizontal="left" vertical="top" wrapText="1"/>
    </xf>
    <xf numFmtId="0" fontId="12" fillId="0" borderId="7" xfId="0" applyFont="1" applyBorder="1" applyAlignment="1">
      <alignment horizontal="left" vertical="top" wrapText="1"/>
    </xf>
    <xf numFmtId="0" fontId="12" fillId="0" borderId="1" xfId="0" applyFont="1" applyBorder="1" applyAlignment="1">
      <alignment vertical="center"/>
    </xf>
    <xf numFmtId="0" fontId="16" fillId="0" borderId="0" xfId="0" applyFont="1" applyAlignment="1">
      <alignment vertical="center"/>
    </xf>
    <xf numFmtId="0" fontId="15" fillId="0" borderId="0" xfId="0" applyFont="1" applyAlignment="1">
      <alignment vertical="center"/>
    </xf>
    <xf numFmtId="0" fontId="15" fillId="0" borderId="0" xfId="0" applyFont="1" applyAlignment="1">
      <alignment vertical="center" wrapText="1"/>
    </xf>
    <xf numFmtId="0" fontId="0" fillId="0" borderId="0" xfId="0" applyAlignment="1">
      <alignment vertical="center" wrapText="1"/>
    </xf>
    <xf numFmtId="0" fontId="0" fillId="0" borderId="0" xfId="0" applyAlignment="1">
      <alignment wrapText="1"/>
    </xf>
    <xf numFmtId="0" fontId="3" fillId="0" borderId="0" xfId="0" applyFont="1"/>
    <xf numFmtId="0" fontId="19" fillId="0" borderId="0" xfId="0" applyFont="1" applyAlignment="1">
      <alignment horizontal="center"/>
    </xf>
    <xf numFmtId="49" fontId="3" fillId="0" borderId="0" xfId="0" applyNumberFormat="1" applyFont="1" applyAlignment="1">
      <alignment horizontal="left"/>
    </xf>
    <xf numFmtId="0" fontId="3" fillId="0" borderId="0" xfId="0" applyFont="1" applyAlignment="1">
      <alignment horizontal="left" vertical="top" wrapText="1"/>
    </xf>
    <xf numFmtId="0" fontId="21" fillId="0" borderId="0" xfId="0" applyFont="1"/>
    <xf numFmtId="0" fontId="20" fillId="2" borderId="24" xfId="0" applyFont="1" applyFill="1" applyBorder="1" applyAlignment="1">
      <alignment vertical="center" textRotation="255"/>
    </xf>
    <xf numFmtId="0" fontId="20" fillId="2" borderId="27" xfId="0" applyFont="1" applyFill="1" applyBorder="1" applyAlignment="1">
      <alignment vertical="center" textRotation="255"/>
    </xf>
    <xf numFmtId="0" fontId="21" fillId="0" borderId="29" xfId="0" applyFont="1" applyBorder="1" applyAlignment="1">
      <alignment vertical="center" textRotation="255"/>
    </xf>
    <xf numFmtId="0" fontId="21" fillId="0" borderId="29" xfId="0" applyFont="1" applyBorder="1" applyAlignment="1">
      <alignment horizontal="left" vertical="center"/>
    </xf>
    <xf numFmtId="0" fontId="21" fillId="0" borderId="0" xfId="0" applyFont="1" applyBorder="1" applyAlignment="1">
      <alignment vertical="center" textRotation="255"/>
    </xf>
    <xf numFmtId="0" fontId="21" fillId="0" borderId="0" xfId="0" applyFont="1" applyBorder="1" applyAlignment="1">
      <alignment horizontal="left" vertical="center"/>
    </xf>
    <xf numFmtId="0" fontId="20" fillId="2" borderId="37" xfId="0" applyFont="1" applyFill="1" applyBorder="1"/>
    <xf numFmtId="0" fontId="20" fillId="2" borderId="1" xfId="0" applyFont="1" applyFill="1" applyBorder="1" applyAlignment="1">
      <alignment horizontal="center" vertical="center"/>
    </xf>
    <xf numFmtId="0" fontId="20" fillId="2" borderId="14" xfId="0" applyFont="1" applyFill="1" applyBorder="1" applyAlignment="1">
      <alignment horizontal="center" vertical="center"/>
    </xf>
    <xf numFmtId="0" fontId="21" fillId="0" borderId="1" xfId="0" applyFont="1" applyBorder="1"/>
    <xf numFmtId="0" fontId="20" fillId="2" borderId="20" xfId="0" applyFont="1" applyFill="1" applyBorder="1" applyAlignment="1">
      <alignment horizontal="center" vertical="center"/>
    </xf>
    <xf numFmtId="0" fontId="21" fillId="0" borderId="22" xfId="0" applyFont="1" applyBorder="1"/>
    <xf numFmtId="0" fontId="20" fillId="2" borderId="25" xfId="0" applyFont="1" applyFill="1" applyBorder="1" applyAlignment="1">
      <alignment horizontal="center" vertical="center"/>
    </xf>
    <xf numFmtId="0" fontId="21" fillId="0" borderId="1" xfId="0" applyFont="1" applyBorder="1" applyAlignment="1">
      <alignment vertical="center"/>
    </xf>
    <xf numFmtId="0" fontId="21" fillId="0" borderId="22" xfId="0" applyFont="1" applyBorder="1" applyAlignment="1">
      <alignment vertical="center"/>
    </xf>
    <xf numFmtId="0" fontId="21" fillId="0" borderId="1" xfId="0" applyFont="1" applyBorder="1" applyAlignment="1">
      <alignment horizontal="justify" vertical="center" wrapText="1"/>
    </xf>
    <xf numFmtId="0" fontId="21" fillId="0" borderId="4" xfId="0" applyFont="1" applyBorder="1" applyAlignment="1">
      <alignment horizontal="justify" vertical="center" wrapText="1"/>
    </xf>
    <xf numFmtId="0" fontId="3" fillId="0" borderId="0" xfId="0" applyFont="1" applyBorder="1"/>
    <xf numFmtId="0" fontId="27" fillId="2" borderId="34" xfId="0" applyFont="1" applyFill="1" applyBorder="1" applyAlignment="1">
      <alignment horizontal="center" vertical="center"/>
    </xf>
    <xf numFmtId="0" fontId="27" fillId="2" borderId="25" xfId="0" applyFont="1" applyFill="1" applyBorder="1" applyAlignment="1">
      <alignment horizontal="center" vertical="center"/>
    </xf>
    <xf numFmtId="0" fontId="27" fillId="2" borderId="51" xfId="0" applyFont="1" applyFill="1" applyBorder="1" applyAlignment="1">
      <alignment horizontal="center" vertical="center"/>
    </xf>
    <xf numFmtId="0" fontId="3" fillId="0" borderId="16" xfId="0" applyFont="1" applyBorder="1" applyAlignment="1">
      <alignment horizontal="center" vertical="center"/>
    </xf>
    <xf numFmtId="0" fontId="3" fillId="0" borderId="18" xfId="0" applyFont="1" applyBorder="1" applyAlignment="1">
      <alignment horizontal="center" vertical="center"/>
    </xf>
    <xf numFmtId="0" fontId="3" fillId="0" borderId="52" xfId="0" applyFont="1" applyBorder="1" applyAlignment="1">
      <alignment horizontal="center" vertical="center"/>
    </xf>
    <xf numFmtId="0" fontId="3" fillId="0" borderId="46" xfId="0" applyFont="1" applyBorder="1" applyAlignment="1">
      <alignment horizontal="center" vertical="center"/>
    </xf>
    <xf numFmtId="0" fontId="28" fillId="2" borderId="13" xfId="0" applyFont="1" applyFill="1" applyBorder="1" applyAlignment="1">
      <alignment horizontal="center" vertical="center"/>
    </xf>
    <xf numFmtId="0" fontId="3" fillId="0" borderId="15" xfId="0" applyFont="1" applyBorder="1" applyAlignment="1">
      <alignment horizontal="left" vertical="center"/>
    </xf>
    <xf numFmtId="0" fontId="3" fillId="0" borderId="28" xfId="0" applyFont="1" applyBorder="1" applyAlignment="1">
      <alignment horizontal="left" vertical="center"/>
    </xf>
    <xf numFmtId="0" fontId="27" fillId="2" borderId="16" xfId="0" applyFont="1" applyFill="1" applyBorder="1" applyAlignment="1">
      <alignment horizontal="center" vertical="center"/>
    </xf>
    <xf numFmtId="0" fontId="27" fillId="2" borderId="1" xfId="0" applyFont="1" applyFill="1" applyBorder="1" applyAlignment="1">
      <alignment horizontal="center" vertical="center"/>
    </xf>
    <xf numFmtId="0" fontId="27" fillId="2" borderId="18" xfId="0" applyFont="1" applyFill="1" applyBorder="1" applyAlignment="1">
      <alignment horizontal="center" vertical="center"/>
    </xf>
    <xf numFmtId="0" fontId="27" fillId="2" borderId="27" xfId="0" applyFont="1" applyFill="1" applyBorder="1" applyAlignment="1">
      <alignment horizontal="center" vertical="center"/>
    </xf>
    <xf numFmtId="0" fontId="30" fillId="0" borderId="14" xfId="0" applyFont="1" applyFill="1" applyBorder="1" applyAlignment="1">
      <alignment horizontal="center" vertical="center"/>
    </xf>
    <xf numFmtId="0" fontId="27" fillId="2" borderId="20" xfId="0" applyFont="1" applyFill="1" applyBorder="1" applyAlignment="1">
      <alignment horizontal="center" vertical="center"/>
    </xf>
    <xf numFmtId="0" fontId="16" fillId="2" borderId="1" xfId="0" applyFont="1" applyFill="1" applyBorder="1" applyAlignment="1">
      <alignment horizontal="center" vertical="center"/>
    </xf>
    <xf numFmtId="0" fontId="16" fillId="2" borderId="3" xfId="0" applyFont="1" applyFill="1" applyBorder="1" applyAlignment="1">
      <alignment horizontal="center" vertical="center"/>
    </xf>
    <xf numFmtId="0" fontId="16" fillId="2" borderId="57" xfId="0" applyFont="1" applyFill="1" applyBorder="1" applyAlignment="1">
      <alignment horizontal="center" vertical="center"/>
    </xf>
    <xf numFmtId="0" fontId="16" fillId="2" borderId="1" xfId="0" applyFont="1" applyFill="1" applyBorder="1" applyAlignment="1">
      <alignment vertical="center"/>
    </xf>
    <xf numFmtId="0" fontId="32" fillId="0" borderId="1" xfId="0" applyFont="1" applyBorder="1" applyAlignment="1">
      <alignment vertical="center"/>
    </xf>
    <xf numFmtId="0" fontId="32" fillId="0" borderId="3" xfId="0" applyFont="1" applyBorder="1" applyAlignment="1">
      <alignment vertical="center"/>
    </xf>
    <xf numFmtId="0" fontId="32" fillId="0" borderId="57" xfId="0" applyFont="1" applyBorder="1" applyAlignment="1">
      <alignment vertical="center"/>
    </xf>
    <xf numFmtId="0" fontId="0" fillId="0" borderId="0" xfId="0" applyFill="1" applyAlignment="1">
      <alignment vertical="center"/>
    </xf>
    <xf numFmtId="0" fontId="17" fillId="2" borderId="3" xfId="0" applyFont="1" applyFill="1" applyBorder="1" applyAlignment="1">
      <alignment horizontal="center" vertical="center" wrapText="1"/>
    </xf>
    <xf numFmtId="0" fontId="16" fillId="0" borderId="1" xfId="0" applyFont="1" applyBorder="1" applyAlignment="1">
      <alignment vertical="center"/>
    </xf>
    <xf numFmtId="0" fontId="16" fillId="0" borderId="4" xfId="0" applyFont="1" applyBorder="1" applyAlignment="1">
      <alignment vertical="center"/>
    </xf>
    <xf numFmtId="0" fontId="32" fillId="0" borderId="4" xfId="0" applyFont="1" applyBorder="1" applyAlignment="1">
      <alignment vertical="center"/>
    </xf>
    <xf numFmtId="0" fontId="32" fillId="0" borderId="45" xfId="0" applyFont="1" applyBorder="1" applyAlignment="1">
      <alignment vertical="center"/>
    </xf>
    <xf numFmtId="0" fontId="32" fillId="0" borderId="58" xfId="0" applyFont="1" applyBorder="1" applyAlignment="1">
      <alignment vertical="center"/>
    </xf>
    <xf numFmtId="0" fontId="16" fillId="0" borderId="59" xfId="0" applyFont="1" applyBorder="1" applyAlignment="1">
      <alignment horizontal="center" vertical="center"/>
    </xf>
    <xf numFmtId="0" fontId="32" fillId="0" borderId="59" xfId="0" applyFont="1" applyBorder="1" applyAlignment="1">
      <alignment vertical="center"/>
    </xf>
    <xf numFmtId="0" fontId="32" fillId="0" borderId="60" xfId="0" applyFont="1" applyBorder="1" applyAlignment="1">
      <alignment vertical="center"/>
    </xf>
    <xf numFmtId="0" fontId="32" fillId="0" borderId="61" xfId="0" applyFont="1" applyBorder="1" applyAlignment="1">
      <alignment vertical="center"/>
    </xf>
    <xf numFmtId="0" fontId="0" fillId="0" borderId="32" xfId="0" applyBorder="1" applyAlignment="1">
      <alignment vertical="center"/>
    </xf>
    <xf numFmtId="0" fontId="30" fillId="0" borderId="0" xfId="3" applyFont="1">
      <alignment vertical="center"/>
    </xf>
    <xf numFmtId="0" fontId="34" fillId="0" borderId="0" xfId="3" applyFont="1">
      <alignment vertical="center"/>
    </xf>
    <xf numFmtId="0" fontId="27" fillId="2" borderId="1" xfId="3" applyFont="1" applyFill="1" applyBorder="1" applyAlignment="1">
      <alignment horizontal="center" vertical="center"/>
    </xf>
    <xf numFmtId="0" fontId="9" fillId="0" borderId="4" xfId="3" applyFont="1" applyBorder="1">
      <alignment vertical="center"/>
    </xf>
    <xf numFmtId="0" fontId="30" fillId="0" borderId="2" xfId="3" applyFont="1" applyBorder="1">
      <alignment vertical="center"/>
    </xf>
    <xf numFmtId="20" fontId="30" fillId="0" borderId="62" xfId="3" applyNumberFormat="1" applyFont="1" applyBorder="1">
      <alignment vertical="center"/>
    </xf>
    <xf numFmtId="20" fontId="30" fillId="0" borderId="2" xfId="3" applyNumberFormat="1" applyFont="1" applyBorder="1">
      <alignment vertical="center"/>
    </xf>
    <xf numFmtId="0" fontId="30" fillId="0" borderId="63" xfId="3" applyFont="1" applyBorder="1">
      <alignment vertical="center"/>
    </xf>
    <xf numFmtId="20" fontId="30" fillId="0" borderId="64" xfId="3" applyNumberFormat="1" applyFont="1" applyBorder="1">
      <alignment vertical="center"/>
    </xf>
    <xf numFmtId="0" fontId="30" fillId="0" borderId="64" xfId="3" applyFont="1" applyBorder="1">
      <alignment vertical="center"/>
    </xf>
    <xf numFmtId="0" fontId="30" fillId="0" borderId="46" xfId="3" applyFont="1" applyBorder="1">
      <alignment vertical="center"/>
    </xf>
    <xf numFmtId="0" fontId="30" fillId="0" borderId="0" xfId="3" applyFont="1" applyBorder="1">
      <alignment vertical="center"/>
    </xf>
    <xf numFmtId="20" fontId="30" fillId="0" borderId="65" xfId="3" applyNumberFormat="1" applyFont="1" applyBorder="1">
      <alignment vertical="center"/>
    </xf>
    <xf numFmtId="20" fontId="30" fillId="0" borderId="0" xfId="3" applyNumberFormat="1" applyFont="1" applyBorder="1">
      <alignment vertical="center"/>
    </xf>
    <xf numFmtId="0" fontId="30" fillId="0" borderId="66" xfId="3" applyFont="1" applyBorder="1">
      <alignment vertical="center"/>
    </xf>
    <xf numFmtId="20" fontId="30" fillId="0" borderId="67" xfId="3" applyNumberFormat="1" applyFont="1" applyBorder="1">
      <alignment vertical="center"/>
    </xf>
    <xf numFmtId="0" fontId="30" fillId="3" borderId="0" xfId="3" applyFont="1" applyFill="1" applyBorder="1">
      <alignment vertical="center"/>
    </xf>
    <xf numFmtId="20" fontId="30" fillId="3" borderId="67" xfId="3" applyNumberFormat="1" applyFont="1" applyFill="1" applyBorder="1">
      <alignment vertical="center"/>
    </xf>
    <xf numFmtId="0" fontId="30" fillId="0" borderId="67" xfId="3" applyFont="1" applyBorder="1">
      <alignment vertical="center"/>
    </xf>
    <xf numFmtId="0" fontId="30" fillId="0" borderId="30" xfId="3" applyFont="1" applyBorder="1">
      <alignment vertical="center"/>
    </xf>
    <xf numFmtId="0" fontId="35" fillId="0" borderId="7" xfId="3" applyFont="1" applyBorder="1">
      <alignment vertical="center"/>
    </xf>
    <xf numFmtId="20" fontId="30" fillId="0" borderId="31" xfId="3" applyNumberFormat="1" applyFont="1" applyBorder="1" applyAlignment="1">
      <alignment horizontal="right" vertical="center"/>
    </xf>
    <xf numFmtId="20" fontId="30" fillId="0" borderId="68" xfId="3" applyNumberFormat="1" applyFont="1" applyBorder="1" applyAlignment="1">
      <alignment horizontal="right" vertical="center"/>
    </xf>
    <xf numFmtId="0" fontId="30" fillId="0" borderId="32" xfId="3" applyFont="1" applyBorder="1">
      <alignment vertical="center"/>
    </xf>
    <xf numFmtId="0" fontId="30" fillId="0" borderId="69" xfId="3" applyFont="1" applyBorder="1">
      <alignment vertical="center"/>
    </xf>
    <xf numFmtId="0" fontId="30" fillId="0" borderId="70" xfId="3" applyFont="1" applyBorder="1">
      <alignment vertical="center"/>
    </xf>
    <xf numFmtId="20" fontId="30" fillId="0" borderId="70" xfId="3" applyNumberFormat="1" applyFont="1" applyBorder="1" applyAlignment="1">
      <alignment horizontal="left" vertical="center"/>
    </xf>
    <xf numFmtId="20" fontId="30" fillId="0" borderId="33" xfId="3" applyNumberFormat="1" applyFont="1" applyBorder="1" applyAlignment="1">
      <alignment horizontal="left" vertical="center"/>
    </xf>
    <xf numFmtId="0" fontId="27" fillId="0" borderId="5" xfId="3" applyFont="1" applyBorder="1">
      <alignment vertical="center"/>
    </xf>
    <xf numFmtId="0" fontId="30" fillId="0" borderId="65" xfId="3" applyFont="1" applyBorder="1">
      <alignment vertical="center"/>
    </xf>
    <xf numFmtId="0" fontId="36" fillId="0" borderId="7" xfId="3" applyFont="1" applyBorder="1" applyAlignment="1">
      <alignment vertical="center" shrinkToFit="1"/>
    </xf>
    <xf numFmtId="0" fontId="30" fillId="0" borderId="68" xfId="3" applyFont="1" applyBorder="1">
      <alignment vertical="center"/>
    </xf>
    <xf numFmtId="0" fontId="30" fillId="0" borderId="33" xfId="3" applyFont="1" applyBorder="1">
      <alignment vertical="center"/>
    </xf>
    <xf numFmtId="0" fontId="27" fillId="0" borderId="0" xfId="3" applyFont="1">
      <alignment vertical="center"/>
    </xf>
    <xf numFmtId="0" fontId="33" fillId="0" borderId="0" xfId="0" applyFont="1" applyFill="1" applyAlignment="1">
      <alignment vertical="center"/>
    </xf>
    <xf numFmtId="0" fontId="37" fillId="0" borderId="0" xfId="0" applyFont="1" applyAlignment="1">
      <alignment vertical="center"/>
    </xf>
    <xf numFmtId="0" fontId="16" fillId="2" borderId="1" xfId="0" applyFont="1" applyFill="1" applyBorder="1" applyAlignment="1">
      <alignment horizontal="center" vertical="center" wrapText="1"/>
    </xf>
    <xf numFmtId="0" fontId="0" fillId="0" borderId="17" xfId="0" applyFill="1" applyBorder="1" applyAlignment="1">
      <alignment vertical="center"/>
    </xf>
    <xf numFmtId="0" fontId="16" fillId="0" borderId="17" xfId="0" applyFont="1" applyFill="1" applyBorder="1" applyAlignment="1">
      <alignment vertical="center"/>
    </xf>
    <xf numFmtId="0" fontId="16" fillId="0" borderId="17" xfId="0" applyFont="1" applyBorder="1" applyAlignment="1">
      <alignment vertical="center"/>
    </xf>
    <xf numFmtId="0" fontId="32" fillId="0" borderId="0" xfId="0" applyFont="1" applyBorder="1" applyAlignment="1">
      <alignment vertical="center"/>
    </xf>
    <xf numFmtId="0" fontId="32" fillId="0" borderId="30" xfId="0" applyFont="1" applyBorder="1" applyAlignment="1">
      <alignment vertical="center"/>
    </xf>
    <xf numFmtId="0" fontId="32" fillId="0" borderId="32" xfId="0" applyFont="1" applyBorder="1" applyAlignment="1">
      <alignment vertical="center"/>
    </xf>
    <xf numFmtId="0" fontId="32" fillId="0" borderId="33" xfId="0" applyFont="1" applyBorder="1" applyAlignment="1">
      <alignment vertical="center"/>
    </xf>
    <xf numFmtId="0" fontId="32" fillId="0" borderId="17" xfId="0" applyFont="1" applyBorder="1" applyAlignment="1">
      <alignment vertical="center"/>
    </xf>
    <xf numFmtId="0" fontId="32" fillId="0" borderId="18" xfId="0" applyFont="1" applyBorder="1" applyAlignment="1">
      <alignment vertical="center"/>
    </xf>
    <xf numFmtId="0" fontId="16" fillId="2" borderId="1" xfId="0" applyFont="1" applyFill="1" applyBorder="1" applyAlignment="1">
      <alignment vertical="center" shrinkToFit="1"/>
    </xf>
    <xf numFmtId="0" fontId="32" fillId="0" borderId="1" xfId="0" applyFont="1" applyFill="1" applyBorder="1" applyAlignment="1">
      <alignment horizontal="center" vertical="center"/>
    </xf>
    <xf numFmtId="0" fontId="32" fillId="0" borderId="1" xfId="0" applyFont="1" applyFill="1" applyBorder="1" applyAlignment="1">
      <alignment vertical="center"/>
    </xf>
    <xf numFmtId="0" fontId="32" fillId="0" borderId="2" xfId="0" applyFont="1" applyBorder="1" applyAlignment="1">
      <alignment vertical="center"/>
    </xf>
    <xf numFmtId="0" fontId="16" fillId="0" borderId="46" xfId="0" applyFont="1" applyBorder="1" applyAlignment="1">
      <alignment vertical="center"/>
    </xf>
    <xf numFmtId="0" fontId="16" fillId="0" borderId="30" xfId="0" applyFont="1" applyBorder="1" applyAlignment="1">
      <alignment vertical="center"/>
    </xf>
    <xf numFmtId="0" fontId="32" fillId="0" borderId="2" xfId="0" applyFont="1" applyFill="1" applyBorder="1" applyAlignment="1">
      <alignment vertical="center"/>
    </xf>
    <xf numFmtId="0" fontId="37" fillId="0" borderId="17" xfId="0" applyFont="1" applyFill="1" applyBorder="1" applyAlignment="1">
      <alignment vertical="center"/>
    </xf>
    <xf numFmtId="0" fontId="16" fillId="0" borderId="2" xfId="0" applyFont="1" applyFill="1" applyBorder="1" applyAlignment="1">
      <alignment vertical="center"/>
    </xf>
    <xf numFmtId="0" fontId="16" fillId="0" borderId="2" xfId="0" applyFont="1" applyBorder="1" applyAlignment="1">
      <alignment vertical="center"/>
    </xf>
    <xf numFmtId="0" fontId="0" fillId="0" borderId="17" xfId="0" applyFont="1" applyFill="1" applyBorder="1" applyAlignment="1">
      <alignment vertical="center"/>
    </xf>
    <xf numFmtId="0" fontId="32" fillId="0" borderId="17" xfId="0" applyFont="1" applyBorder="1" applyAlignment="1">
      <alignment horizontal="center" vertical="center"/>
    </xf>
    <xf numFmtId="176" fontId="32" fillId="0" borderId="1" xfId="0" applyNumberFormat="1" applyFont="1" applyBorder="1" applyAlignment="1">
      <alignment vertical="center"/>
    </xf>
    <xf numFmtId="177" fontId="16" fillId="0" borderId="1" xfId="0" applyNumberFormat="1" applyFont="1" applyBorder="1" applyAlignment="1">
      <alignment vertical="center"/>
    </xf>
    <xf numFmtId="177" fontId="32" fillId="0" borderId="1" xfId="0" applyNumberFormat="1" applyFont="1" applyBorder="1" applyAlignment="1">
      <alignment vertical="center"/>
    </xf>
    <xf numFmtId="0" fontId="16" fillId="0" borderId="71" xfId="0" applyFont="1" applyBorder="1" applyAlignment="1">
      <alignment vertical="center"/>
    </xf>
    <xf numFmtId="176" fontId="32" fillId="0" borderId="4" xfId="0" applyNumberFormat="1" applyFont="1" applyBorder="1" applyAlignment="1">
      <alignment vertical="center"/>
    </xf>
    <xf numFmtId="176" fontId="32" fillId="0" borderId="59" xfId="0" applyNumberFormat="1" applyFont="1" applyBorder="1" applyAlignment="1">
      <alignment vertical="center"/>
    </xf>
    <xf numFmtId="0" fontId="0" fillId="0" borderId="17" xfId="0" applyFont="1" applyFill="1" applyBorder="1" applyAlignment="1">
      <alignment vertical="center" wrapText="1"/>
    </xf>
    <xf numFmtId="0" fontId="16" fillId="0" borderId="17" xfId="0" applyFont="1" applyFill="1" applyBorder="1" applyAlignment="1">
      <alignment vertical="center" wrapText="1"/>
    </xf>
    <xf numFmtId="0" fontId="16" fillId="2" borderId="1" xfId="0" applyFont="1" applyFill="1" applyBorder="1" applyAlignment="1">
      <alignment horizontal="center" vertical="center" shrinkToFit="1"/>
    </xf>
    <xf numFmtId="0" fontId="0" fillId="0" borderId="17" xfId="0" applyFont="1" applyFill="1" applyBorder="1" applyAlignment="1">
      <alignment horizontal="center" vertical="center" shrinkToFit="1"/>
    </xf>
    <xf numFmtId="0" fontId="3" fillId="0" borderId="17" xfId="0" applyFont="1" applyFill="1" applyBorder="1" applyAlignment="1">
      <alignment horizontal="left" vertical="center" wrapText="1"/>
    </xf>
    <xf numFmtId="0" fontId="16" fillId="0" borderId="17" xfId="0" applyFont="1" applyFill="1" applyBorder="1" applyAlignment="1">
      <alignment vertical="center" shrinkToFit="1"/>
    </xf>
    <xf numFmtId="0" fontId="16" fillId="0" borderId="0" xfId="0" applyFont="1" applyFill="1" applyAlignment="1">
      <alignment vertical="center"/>
    </xf>
    <xf numFmtId="0" fontId="16" fillId="2" borderId="3" xfId="0" applyFont="1" applyFill="1" applyBorder="1" applyAlignment="1">
      <alignment vertical="center"/>
    </xf>
    <xf numFmtId="0" fontId="16" fillId="2" borderId="17" xfId="0" applyFont="1" applyFill="1" applyBorder="1" applyAlignment="1">
      <alignment vertical="center"/>
    </xf>
    <xf numFmtId="0" fontId="0" fillId="0" borderId="17" xfId="0" applyFont="1" applyFill="1" applyBorder="1" applyAlignment="1">
      <alignment horizontal="left" vertical="center"/>
    </xf>
    <xf numFmtId="0" fontId="16" fillId="0" borderId="17" xfId="0" applyFont="1" applyFill="1" applyBorder="1" applyAlignment="1">
      <alignment horizontal="left" vertical="center"/>
    </xf>
    <xf numFmtId="0" fontId="32" fillId="0" borderId="17" xfId="0" applyFont="1" applyFill="1" applyBorder="1" applyAlignment="1">
      <alignment horizontal="left" vertical="center"/>
    </xf>
    <xf numFmtId="0" fontId="16" fillId="0" borderId="5" xfId="0" applyFont="1" applyBorder="1" applyAlignment="1">
      <alignment vertical="center"/>
    </xf>
    <xf numFmtId="0" fontId="16" fillId="0" borderId="7" xfId="0" applyFont="1" applyBorder="1" applyAlignment="1">
      <alignment vertical="center"/>
    </xf>
    <xf numFmtId="0" fontId="16" fillId="0" borderId="3" xfId="0" applyFont="1" applyBorder="1" applyAlignment="1">
      <alignment vertical="center"/>
    </xf>
    <xf numFmtId="0" fontId="16" fillId="0" borderId="18" xfId="0" applyFont="1" applyBorder="1" applyAlignment="1">
      <alignment vertical="center"/>
    </xf>
    <xf numFmtId="0" fontId="0" fillId="0" borderId="18" xfId="0" applyBorder="1" applyAlignment="1">
      <alignment vertical="center"/>
    </xf>
    <xf numFmtId="0" fontId="16" fillId="0" borderId="45" xfId="0" applyFont="1" applyBorder="1" applyAlignment="1">
      <alignment vertical="center"/>
    </xf>
    <xf numFmtId="0" fontId="0" fillId="0" borderId="46" xfId="0" applyBorder="1" applyAlignment="1">
      <alignment vertical="center"/>
    </xf>
    <xf numFmtId="38" fontId="32" fillId="0" borderId="1" xfId="6" applyFont="1" applyBorder="1" applyAlignment="1">
      <alignment vertical="center"/>
    </xf>
    <xf numFmtId="38" fontId="32" fillId="0" borderId="4" xfId="6" applyFont="1" applyBorder="1" applyAlignment="1">
      <alignment vertical="center"/>
    </xf>
    <xf numFmtId="0" fontId="0" fillId="0" borderId="59" xfId="0" applyBorder="1" applyAlignment="1">
      <alignment horizontal="center" vertical="center"/>
    </xf>
    <xf numFmtId="38" fontId="32" fillId="0" borderId="59" xfId="6" applyFont="1" applyBorder="1" applyAlignment="1">
      <alignment vertical="center"/>
    </xf>
    <xf numFmtId="0" fontId="32" fillId="0" borderId="0" xfId="0" applyFont="1" applyAlignment="1">
      <alignment vertical="center"/>
    </xf>
    <xf numFmtId="0" fontId="11" fillId="0" borderId="0" xfId="0" applyFont="1" applyFill="1" applyAlignment="1">
      <alignment vertical="center"/>
    </xf>
    <xf numFmtId="0" fontId="16" fillId="0" borderId="6" xfId="0" applyFont="1" applyFill="1" applyBorder="1" applyAlignment="1">
      <alignment vertical="center"/>
    </xf>
    <xf numFmtId="0" fontId="32" fillId="0" borderId="1" xfId="0" applyFont="1" applyBorder="1" applyAlignment="1">
      <alignment horizontal="center" vertical="center"/>
    </xf>
    <xf numFmtId="38" fontId="32" fillId="0" borderId="1" xfId="6" applyFont="1" applyBorder="1" applyAlignment="1">
      <alignment horizontal="center" vertical="center" shrinkToFit="1"/>
    </xf>
    <xf numFmtId="0" fontId="0" fillId="0" borderId="6" xfId="0" applyBorder="1" applyAlignment="1">
      <alignment vertical="center"/>
    </xf>
    <xf numFmtId="0" fontId="16" fillId="0" borderId="1" xfId="0" applyFont="1" applyFill="1" applyBorder="1" applyAlignment="1">
      <alignment vertical="center"/>
    </xf>
    <xf numFmtId="38" fontId="32" fillId="0" borderId="1" xfId="6" applyFont="1" applyBorder="1" applyAlignment="1">
      <alignment horizontal="right" vertical="center"/>
    </xf>
    <xf numFmtId="0" fontId="16" fillId="2" borderId="78" xfId="0" applyFont="1" applyFill="1" applyBorder="1" applyAlignment="1">
      <alignment horizontal="center" vertical="center"/>
    </xf>
    <xf numFmtId="0" fontId="16" fillId="2" borderId="18" xfId="0" applyFont="1" applyFill="1" applyBorder="1" applyAlignment="1">
      <alignment horizontal="center" vertical="center"/>
    </xf>
    <xf numFmtId="0" fontId="16" fillId="0" borderId="14" xfId="0" applyFont="1" applyBorder="1" applyAlignment="1">
      <alignment horizontal="center" vertical="center"/>
    </xf>
    <xf numFmtId="38" fontId="32" fillId="0" borderId="78" xfId="6" applyFont="1" applyBorder="1" applyAlignment="1">
      <alignment horizontal="right" vertical="center"/>
    </xf>
    <xf numFmtId="38" fontId="32" fillId="0" borderId="18" xfId="6" applyFont="1" applyBorder="1" applyAlignment="1">
      <alignment horizontal="right" vertical="center"/>
    </xf>
    <xf numFmtId="38" fontId="32" fillId="0" borderId="15" xfId="6" applyFont="1" applyBorder="1" applyAlignment="1">
      <alignment horizontal="right" vertical="center"/>
    </xf>
    <xf numFmtId="0" fontId="16" fillId="0" borderId="27" xfId="0" applyFont="1" applyBorder="1" applyAlignment="1">
      <alignment horizontal="center" vertical="center"/>
    </xf>
    <xf numFmtId="38" fontId="32" fillId="0" borderId="80" xfId="6" applyFont="1" applyBorder="1" applyAlignment="1">
      <alignment horizontal="right" vertical="center"/>
    </xf>
    <xf numFmtId="38" fontId="32" fillId="0" borderId="46" xfId="6" applyFont="1" applyBorder="1" applyAlignment="1">
      <alignment horizontal="right" vertical="center"/>
    </xf>
    <xf numFmtId="38" fontId="32" fillId="0" borderId="4" xfId="6" applyFont="1" applyBorder="1" applyAlignment="1">
      <alignment horizontal="right" vertical="center"/>
    </xf>
    <xf numFmtId="38" fontId="32" fillId="0" borderId="28" xfId="6" applyFont="1" applyBorder="1" applyAlignment="1">
      <alignment horizontal="right" vertical="center"/>
    </xf>
    <xf numFmtId="0" fontId="16" fillId="0" borderId="81" xfId="0" applyFont="1" applyBorder="1" applyAlignment="1">
      <alignment horizontal="center" vertical="center"/>
    </xf>
    <xf numFmtId="0" fontId="32" fillId="0" borderId="82" xfId="0" applyFont="1" applyBorder="1" applyAlignment="1">
      <alignment horizontal="right" vertical="center"/>
    </xf>
    <xf numFmtId="0" fontId="32" fillId="0" borderId="83" xfId="0" applyFont="1" applyBorder="1" applyAlignment="1">
      <alignment horizontal="right" vertical="center"/>
    </xf>
    <xf numFmtId="0" fontId="32" fillId="0" borderId="84" xfId="0" applyFont="1" applyBorder="1" applyAlignment="1">
      <alignment horizontal="right" vertical="center"/>
    </xf>
    <xf numFmtId="0" fontId="32" fillId="0" borderId="85" xfId="0" applyFont="1" applyBorder="1" applyAlignment="1">
      <alignment horizontal="right" vertical="center"/>
    </xf>
    <xf numFmtId="0" fontId="0" fillId="0" borderId="2" xfId="0" applyBorder="1" applyAlignment="1">
      <alignment vertical="center"/>
    </xf>
    <xf numFmtId="0" fontId="16" fillId="0" borderId="6" xfId="0" applyFont="1" applyBorder="1" applyAlignment="1">
      <alignment vertical="center"/>
    </xf>
    <xf numFmtId="0" fontId="0" fillId="0" borderId="0" xfId="0" applyBorder="1" applyAlignment="1">
      <alignment vertical="center"/>
    </xf>
    <xf numFmtId="0" fontId="0" fillId="0" borderId="30" xfId="0" applyBorder="1" applyAlignment="1">
      <alignment vertical="center"/>
    </xf>
    <xf numFmtId="0" fontId="37" fillId="0" borderId="32" xfId="0" applyFont="1" applyBorder="1" applyAlignment="1">
      <alignment vertical="center"/>
    </xf>
    <xf numFmtId="0" fontId="3" fillId="0" borderId="0" xfId="0" applyFont="1" applyAlignment="1">
      <alignment horizontal="left" vertical="center" wrapText="1"/>
    </xf>
    <xf numFmtId="0" fontId="8" fillId="0" borderId="0" xfId="0" applyFont="1" applyAlignment="1">
      <alignment vertical="center"/>
    </xf>
    <xf numFmtId="0" fontId="0" fillId="0" borderId="0" xfId="0" applyAlignment="1">
      <alignment vertical="center"/>
    </xf>
    <xf numFmtId="0" fontId="16" fillId="0" borderId="31" xfId="0" applyFont="1" applyBorder="1" applyAlignment="1">
      <alignment vertical="center"/>
    </xf>
    <xf numFmtId="0" fontId="20" fillId="2" borderId="1" xfId="0" applyFont="1" applyFill="1" applyBorder="1" applyAlignment="1">
      <alignment horizontal="center" vertical="center" wrapText="1"/>
    </xf>
    <xf numFmtId="0" fontId="21" fillId="0" borderId="1" xfId="0" applyFont="1" applyBorder="1" applyAlignment="1">
      <alignment horizontal="center" vertical="center" wrapText="1"/>
    </xf>
    <xf numFmtId="0" fontId="21" fillId="0" borderId="4" xfId="0" applyFont="1" applyBorder="1" applyAlignment="1">
      <alignment horizontal="center" vertical="center" wrapText="1"/>
    </xf>
    <xf numFmtId="0" fontId="21" fillId="0" borderId="84" xfId="0" applyFont="1" applyBorder="1" applyAlignment="1">
      <alignment horizontal="center" vertical="center" wrapText="1"/>
    </xf>
    <xf numFmtId="0" fontId="21" fillId="0" borderId="84" xfId="0" applyFont="1" applyBorder="1" applyAlignment="1">
      <alignment horizontal="justify" vertical="center" wrapText="1"/>
    </xf>
    <xf numFmtId="38" fontId="41" fillId="0" borderId="0" xfId="7" applyFont="1" applyAlignment="1">
      <alignment vertical="center"/>
    </xf>
    <xf numFmtId="38" fontId="43" fillId="0" borderId="0" xfId="7" applyFont="1">
      <alignment vertical="center"/>
    </xf>
    <xf numFmtId="0" fontId="43" fillId="0" borderId="0" xfId="0" applyFont="1" applyAlignment="1">
      <alignment vertical="center"/>
    </xf>
    <xf numFmtId="38" fontId="43" fillId="0" borderId="0" xfId="7" applyFont="1" applyAlignment="1">
      <alignment horizontal="right" vertical="center"/>
    </xf>
    <xf numFmtId="38" fontId="43" fillId="0" borderId="87" xfId="7" applyFont="1" applyFill="1" applyBorder="1" applyAlignment="1">
      <alignment horizontal="center" vertical="center"/>
    </xf>
    <xf numFmtId="38" fontId="43" fillId="0" borderId="88" xfId="7" applyFont="1" applyBorder="1" applyAlignment="1">
      <alignment horizontal="center" vertical="center"/>
    </xf>
    <xf numFmtId="38" fontId="44" fillId="0" borderId="5" xfId="7" applyFont="1" applyBorder="1" applyAlignment="1">
      <alignment vertical="top"/>
    </xf>
    <xf numFmtId="38" fontId="43" fillId="0" borderId="31" xfId="7" applyFont="1" applyFill="1" applyBorder="1">
      <alignment vertical="center"/>
    </xf>
    <xf numFmtId="38" fontId="43" fillId="0" borderId="90" xfId="7" applyFont="1" applyBorder="1">
      <alignment vertical="center"/>
    </xf>
    <xf numFmtId="38" fontId="43" fillId="0" borderId="79" xfId="7" applyFont="1" applyBorder="1">
      <alignment vertical="center"/>
    </xf>
    <xf numFmtId="38" fontId="43" fillId="0" borderId="3" xfId="7" applyFont="1" applyFill="1" applyBorder="1">
      <alignment vertical="center"/>
    </xf>
    <xf numFmtId="38" fontId="43" fillId="0" borderId="15" xfId="7" applyFont="1" applyBorder="1">
      <alignment vertical="center"/>
    </xf>
    <xf numFmtId="38" fontId="44" fillId="0" borderId="7" xfId="7" applyFont="1" applyBorder="1" applyAlignment="1">
      <alignment vertical="top"/>
    </xf>
    <xf numFmtId="38" fontId="44" fillId="0" borderId="1" xfId="7" applyFont="1" applyBorder="1">
      <alignment vertical="center"/>
    </xf>
    <xf numFmtId="38" fontId="43" fillId="0" borderId="3" xfId="7" applyFont="1" applyBorder="1" applyAlignment="1">
      <alignment vertical="top"/>
    </xf>
    <xf numFmtId="38" fontId="43" fillId="0" borderId="17" xfId="7" applyFont="1" applyBorder="1" applyAlignment="1">
      <alignment vertical="top"/>
    </xf>
    <xf numFmtId="38" fontId="43" fillId="0" borderId="18" xfId="7" applyFont="1" applyBorder="1">
      <alignment vertical="center"/>
    </xf>
    <xf numFmtId="38" fontId="43" fillId="0" borderId="1" xfId="7" applyFont="1" applyBorder="1" applyAlignment="1">
      <alignment vertical="top"/>
    </xf>
    <xf numFmtId="38" fontId="43" fillId="0" borderId="3" xfId="7" applyFont="1" applyBorder="1">
      <alignment vertical="center"/>
    </xf>
    <xf numFmtId="38" fontId="43" fillId="4" borderId="3" xfId="7" applyFont="1" applyFill="1" applyBorder="1">
      <alignment vertical="center"/>
    </xf>
    <xf numFmtId="38" fontId="43" fillId="0" borderId="4" xfId="7" applyFont="1" applyBorder="1" applyAlignment="1">
      <alignment vertical="top"/>
    </xf>
    <xf numFmtId="38" fontId="43" fillId="0" borderId="5" xfId="7" applyFont="1" applyBorder="1" applyAlignment="1">
      <alignment vertical="top"/>
    </xf>
    <xf numFmtId="38" fontId="43" fillId="0" borderId="7" xfId="7" applyFont="1" applyBorder="1" applyAlignment="1">
      <alignment vertical="top"/>
    </xf>
    <xf numFmtId="38" fontId="45" fillId="0" borderId="3" xfId="7" applyFont="1" applyFill="1" applyBorder="1">
      <alignment vertical="center"/>
    </xf>
    <xf numFmtId="38" fontId="43" fillId="0" borderId="3" xfId="7" applyFont="1" applyBorder="1" applyAlignment="1">
      <alignment horizontal="left" vertical="center"/>
    </xf>
    <xf numFmtId="38" fontId="43" fillId="0" borderId="18" xfId="7" applyFont="1" applyBorder="1" applyAlignment="1">
      <alignment horizontal="left" vertical="center"/>
    </xf>
    <xf numFmtId="38" fontId="45" fillId="0" borderId="45" xfId="7" applyFont="1" applyFill="1" applyBorder="1">
      <alignment vertical="center"/>
    </xf>
    <xf numFmtId="38" fontId="43" fillId="4" borderId="45" xfId="7" applyFont="1" applyFill="1" applyBorder="1">
      <alignment vertical="center"/>
    </xf>
    <xf numFmtId="38" fontId="43" fillId="4" borderId="95" xfId="7" applyFont="1" applyFill="1" applyBorder="1">
      <alignment vertical="center"/>
    </xf>
    <xf numFmtId="38" fontId="43" fillId="4" borderId="3" xfId="7" applyFont="1" applyFill="1" applyBorder="1" applyAlignment="1">
      <alignment vertical="center"/>
    </xf>
    <xf numFmtId="38" fontId="43" fillId="0" borderId="45" xfId="7" applyFont="1" applyFill="1" applyBorder="1">
      <alignment vertical="center"/>
    </xf>
    <xf numFmtId="38" fontId="43" fillId="4" borderId="45" xfId="7" applyFont="1" applyFill="1" applyBorder="1" applyAlignment="1">
      <alignment vertical="center"/>
    </xf>
    <xf numFmtId="38" fontId="43" fillId="0" borderId="25" xfId="7" applyFont="1" applyBorder="1" applyAlignment="1">
      <alignment vertical="center"/>
    </xf>
    <xf numFmtId="38" fontId="43" fillId="0" borderId="38" xfId="7" applyFont="1" applyBorder="1" applyAlignment="1">
      <alignment vertical="center"/>
    </xf>
    <xf numFmtId="38" fontId="43" fillId="0" borderId="1" xfId="7" applyFont="1" applyBorder="1" applyAlignment="1">
      <alignment vertical="center"/>
    </xf>
    <xf numFmtId="38" fontId="43" fillId="0" borderId="3" xfId="7" applyFont="1" applyBorder="1" applyAlignment="1">
      <alignment vertical="center"/>
    </xf>
    <xf numFmtId="38" fontId="43" fillId="0" borderId="95" xfId="7" applyFont="1" applyFill="1" applyBorder="1">
      <alignment vertical="center"/>
    </xf>
    <xf numFmtId="38" fontId="43" fillId="4" borderId="6" xfId="7" applyFont="1" applyFill="1" applyBorder="1" applyAlignment="1">
      <alignment vertical="center"/>
    </xf>
    <xf numFmtId="38" fontId="43" fillId="0" borderId="23" xfId="7" applyFont="1" applyBorder="1">
      <alignment vertical="center"/>
    </xf>
    <xf numFmtId="38" fontId="43" fillId="0" borderId="0" xfId="7" applyFont="1" applyFill="1">
      <alignment vertical="center"/>
    </xf>
    <xf numFmtId="38" fontId="2" fillId="0" borderId="0" xfId="7" applyFont="1">
      <alignment vertical="center"/>
    </xf>
    <xf numFmtId="0" fontId="46" fillId="0" borderId="0" xfId="0" applyFont="1"/>
    <xf numFmtId="0" fontId="43" fillId="0" borderId="0" xfId="0" applyFont="1" applyFill="1" applyAlignment="1">
      <alignment vertical="center"/>
    </xf>
    <xf numFmtId="0" fontId="47" fillId="0" borderId="0" xfId="8" applyFont="1">
      <alignment vertical="center"/>
    </xf>
    <xf numFmtId="0" fontId="47" fillId="0" borderId="1" xfId="8" applyFont="1" applyBorder="1">
      <alignment vertical="center"/>
    </xf>
    <xf numFmtId="0" fontId="47" fillId="0" borderId="0" xfId="8" applyFont="1" applyBorder="1">
      <alignment vertical="center"/>
    </xf>
    <xf numFmtId="0" fontId="47" fillId="0" borderId="0" xfId="8" applyFont="1" applyFill="1" applyBorder="1" applyAlignment="1">
      <alignment horizontal="center" vertical="center"/>
    </xf>
    <xf numFmtId="0" fontId="47" fillId="2" borderId="1" xfId="8" applyFont="1" applyFill="1" applyBorder="1" applyAlignment="1">
      <alignment horizontal="center" vertical="center" wrapText="1"/>
    </xf>
    <xf numFmtId="0" fontId="47" fillId="2" borderId="1" xfId="8" applyFont="1" applyFill="1" applyBorder="1" applyAlignment="1">
      <alignment horizontal="center" vertical="center"/>
    </xf>
    <xf numFmtId="0" fontId="47" fillId="0" borderId="0" xfId="8" applyFont="1" applyAlignment="1">
      <alignment vertical="center"/>
    </xf>
    <xf numFmtId="20" fontId="30" fillId="5" borderId="67" xfId="3" applyNumberFormat="1" applyFont="1" applyFill="1" applyBorder="1">
      <alignment vertical="center"/>
    </xf>
    <xf numFmtId="0" fontId="30" fillId="5" borderId="0" xfId="3" applyFont="1" applyFill="1" applyBorder="1">
      <alignment vertical="center"/>
    </xf>
    <xf numFmtId="0" fontId="30" fillId="0" borderId="0" xfId="3" applyFont="1" applyFill="1" applyBorder="1">
      <alignment vertical="center"/>
    </xf>
    <xf numFmtId="20" fontId="30" fillId="0" borderId="67" xfId="3" applyNumberFormat="1" applyFont="1" applyFill="1" applyBorder="1">
      <alignment vertical="center"/>
    </xf>
    <xf numFmtId="0" fontId="52" fillId="0" borderId="0" xfId="3" applyFont="1">
      <alignment vertical="center"/>
    </xf>
    <xf numFmtId="20" fontId="30" fillId="0" borderId="0" xfId="3" applyNumberFormat="1" applyFont="1" applyFill="1" applyBorder="1">
      <alignment vertical="center"/>
    </xf>
    <xf numFmtId="0" fontId="27" fillId="0" borderId="0" xfId="3" applyFont="1" applyFill="1">
      <alignment vertical="center"/>
    </xf>
    <xf numFmtId="0" fontId="27" fillId="0" borderId="0" xfId="3" applyFont="1" applyFill="1" applyBorder="1" applyAlignment="1">
      <alignment horizontal="center" vertical="center"/>
    </xf>
    <xf numFmtId="0" fontId="9" fillId="0" borderId="0" xfId="3" applyFont="1" applyFill="1" applyBorder="1">
      <alignment vertical="center"/>
    </xf>
    <xf numFmtId="0" fontId="35" fillId="0" borderId="0" xfId="3" applyFont="1" applyFill="1" applyBorder="1">
      <alignment vertical="center"/>
    </xf>
    <xf numFmtId="20" fontId="30" fillId="0" borderId="0" xfId="3" applyNumberFormat="1" applyFont="1" applyFill="1" applyBorder="1" applyAlignment="1">
      <alignment horizontal="right" vertical="center"/>
    </xf>
    <xf numFmtId="20" fontId="30" fillId="0" borderId="0" xfId="3" applyNumberFormat="1" applyFont="1" applyFill="1" applyBorder="1" applyAlignment="1">
      <alignment horizontal="left" vertical="center"/>
    </xf>
    <xf numFmtId="0" fontId="27" fillId="0" borderId="0" xfId="3" applyFont="1" applyFill="1" applyBorder="1">
      <alignment vertical="center"/>
    </xf>
    <xf numFmtId="0" fontId="36" fillId="0" borderId="0" xfId="3" applyFont="1" applyFill="1" applyBorder="1" applyAlignment="1">
      <alignment vertical="center" shrinkToFit="1"/>
    </xf>
    <xf numFmtId="0" fontId="36" fillId="0" borderId="5" xfId="3" applyFont="1" applyBorder="1">
      <alignment vertical="center"/>
    </xf>
    <xf numFmtId="0" fontId="16" fillId="0" borderId="0" xfId="0" applyFont="1" applyFill="1" applyBorder="1" applyAlignment="1">
      <alignment vertical="center"/>
    </xf>
    <xf numFmtId="0" fontId="16" fillId="0" borderId="102" xfId="0" applyFont="1" applyBorder="1" applyAlignment="1">
      <alignment vertical="center"/>
    </xf>
    <xf numFmtId="0" fontId="32" fillId="0" borderId="0" xfId="0" applyFont="1" applyBorder="1" applyAlignment="1">
      <alignment vertical="top" wrapText="1"/>
    </xf>
    <xf numFmtId="38" fontId="45" fillId="0" borderId="89" xfId="7" applyFont="1" applyBorder="1" applyAlignment="1">
      <alignment vertical="top"/>
    </xf>
    <xf numFmtId="38" fontId="45" fillId="0" borderId="7" xfId="7" applyFont="1" applyBorder="1">
      <alignment vertical="center"/>
    </xf>
    <xf numFmtId="38" fontId="45" fillId="0" borderId="5" xfId="7" applyFont="1" applyBorder="1" applyAlignment="1">
      <alignment vertical="top"/>
    </xf>
    <xf numFmtId="38" fontId="53" fillId="0" borderId="5" xfId="7" applyFont="1" applyBorder="1" applyAlignment="1">
      <alignment vertical="top"/>
    </xf>
    <xf numFmtId="38" fontId="45" fillId="0" borderId="1" xfId="7" applyFont="1" applyBorder="1">
      <alignment vertical="center"/>
    </xf>
    <xf numFmtId="38" fontId="45" fillId="0" borderId="31" xfId="7" applyFont="1" applyBorder="1" applyAlignment="1">
      <alignment vertical="top"/>
    </xf>
    <xf numFmtId="38" fontId="43" fillId="0" borderId="45" xfId="7" applyFont="1" applyBorder="1" applyAlignment="1">
      <alignment vertical="top"/>
    </xf>
    <xf numFmtId="38" fontId="43" fillId="0" borderId="2" xfId="7" applyFont="1" applyBorder="1" applyAlignment="1">
      <alignment vertical="top"/>
    </xf>
    <xf numFmtId="38" fontId="43" fillId="0" borderId="46" xfId="7" applyFont="1" applyBorder="1">
      <alignment vertical="center"/>
    </xf>
    <xf numFmtId="38" fontId="43" fillId="0" borderId="3" xfId="7" applyFont="1" applyFill="1" applyBorder="1" applyAlignment="1">
      <alignment vertical="top" shrinkToFit="1"/>
    </xf>
    <xf numFmtId="38" fontId="43" fillId="0" borderId="38" xfId="7" applyFont="1" applyBorder="1" applyAlignment="1">
      <alignment vertical="top"/>
    </xf>
    <xf numFmtId="38" fontId="43" fillId="0" borderId="35" xfId="7" applyFont="1" applyBorder="1" applyAlignment="1">
      <alignment vertical="top"/>
    </xf>
    <xf numFmtId="38" fontId="43" fillId="0" borderId="51" xfId="7" applyFont="1" applyBorder="1">
      <alignment vertical="center"/>
    </xf>
    <xf numFmtId="38" fontId="43" fillId="0" borderId="31" xfId="7" applyFont="1" applyBorder="1" applyAlignment="1">
      <alignment vertical="top"/>
    </xf>
    <xf numFmtId="38" fontId="43" fillId="0" borderId="32" xfId="7" applyFont="1" applyBorder="1" applyAlignment="1">
      <alignment vertical="top"/>
    </xf>
    <xf numFmtId="38" fontId="43" fillId="0" borderId="33" xfId="7" applyFont="1" applyBorder="1">
      <alignment vertical="center"/>
    </xf>
    <xf numFmtId="38" fontId="43" fillId="0" borderId="17" xfId="7" applyFont="1" applyFill="1" applyBorder="1" applyAlignment="1">
      <alignment vertical="top" shrinkToFit="1"/>
    </xf>
    <xf numFmtId="38" fontId="43" fillId="0" borderId="18" xfId="7" applyFont="1" applyFill="1" applyBorder="1">
      <alignment vertical="center"/>
    </xf>
    <xf numFmtId="38" fontId="43" fillId="6" borderId="3" xfId="7" applyFont="1" applyFill="1" applyBorder="1" applyAlignment="1">
      <alignment vertical="center"/>
    </xf>
    <xf numFmtId="38" fontId="43" fillId="6" borderId="45" xfId="7" applyFont="1" applyFill="1" applyBorder="1" applyAlignment="1">
      <alignment vertical="center"/>
    </xf>
    <xf numFmtId="38" fontId="43" fillId="6" borderId="97" xfId="7" applyFont="1" applyFill="1" applyBorder="1" applyAlignment="1">
      <alignment vertical="center"/>
    </xf>
    <xf numFmtId="0" fontId="16" fillId="0" borderId="0" xfId="0" applyFont="1" applyBorder="1" applyAlignment="1">
      <alignment vertical="center"/>
    </xf>
    <xf numFmtId="0" fontId="16" fillId="0" borderId="33" xfId="0" applyFont="1" applyBorder="1" applyAlignment="1">
      <alignment vertical="center"/>
    </xf>
    <xf numFmtId="0" fontId="12" fillId="0" borderId="4" xfId="0" applyFont="1" applyBorder="1" applyAlignment="1">
      <alignment horizontal="left" vertical="center" wrapText="1"/>
    </xf>
    <xf numFmtId="0" fontId="12" fillId="0" borderId="7" xfId="0" applyFont="1" applyBorder="1" applyAlignment="1">
      <alignment horizontal="left" vertical="center" wrapText="1"/>
    </xf>
    <xf numFmtId="0" fontId="10" fillId="0" borderId="0" xfId="0" applyFont="1" applyAlignment="1">
      <alignment horizontal="center" vertical="center"/>
    </xf>
    <xf numFmtId="0" fontId="12" fillId="0" borderId="5" xfId="0" applyFont="1" applyBorder="1" applyAlignment="1">
      <alignment horizontal="left" vertical="center" wrapText="1"/>
    </xf>
    <xf numFmtId="0" fontId="0" fillId="0" borderId="5" xfId="0" applyBorder="1" applyAlignment="1">
      <alignment horizontal="left" vertical="center" wrapText="1"/>
    </xf>
    <xf numFmtId="0" fontId="18" fillId="0" borderId="0" xfId="0" applyFont="1" applyAlignment="1">
      <alignment horizontal="center" vertical="center"/>
    </xf>
    <xf numFmtId="0" fontId="3" fillId="0" borderId="0" xfId="0" applyFont="1" applyAlignment="1">
      <alignment horizontal="left" vertical="center" wrapText="1"/>
    </xf>
    <xf numFmtId="0" fontId="3" fillId="0" borderId="0" xfId="0" applyFont="1" applyAlignment="1">
      <alignment horizontal="left" vertical="top" wrapText="1"/>
    </xf>
    <xf numFmtId="0" fontId="3" fillId="0" borderId="0" xfId="0" applyFont="1" applyAlignment="1">
      <alignment horizontal="center" vertical="center"/>
    </xf>
    <xf numFmtId="0" fontId="5" fillId="0" borderId="0" xfId="0" applyFont="1" applyAlignment="1">
      <alignment horizontal="center" vertical="center" wrapText="1"/>
    </xf>
    <xf numFmtId="0" fontId="20" fillId="2" borderId="8" xfId="0" applyFont="1" applyFill="1" applyBorder="1" applyAlignment="1">
      <alignment horizontal="center" vertical="center" textRotation="255" wrapText="1"/>
    </xf>
    <xf numFmtId="0" fontId="20" fillId="2" borderId="39" xfId="0" applyFont="1" applyFill="1" applyBorder="1" applyAlignment="1">
      <alignment horizontal="center" vertical="center" textRotation="255" wrapText="1"/>
    </xf>
    <xf numFmtId="0" fontId="20" fillId="2" borderId="40" xfId="0" applyFont="1" applyFill="1" applyBorder="1" applyAlignment="1">
      <alignment horizontal="center" vertical="center" textRotation="255" wrapText="1"/>
    </xf>
    <xf numFmtId="0" fontId="20" fillId="2" borderId="25" xfId="0" applyFont="1" applyFill="1" applyBorder="1" applyAlignment="1">
      <alignment horizontal="center" vertical="center" wrapText="1"/>
    </xf>
    <xf numFmtId="0" fontId="3" fillId="0" borderId="25" xfId="0" applyFont="1" applyBorder="1" applyAlignment="1">
      <alignment horizontal="right" vertical="center" wrapText="1"/>
    </xf>
    <xf numFmtId="0" fontId="21" fillId="0" borderId="38" xfId="0" applyFont="1" applyBorder="1" applyAlignment="1">
      <alignment horizontal="center" vertical="center"/>
    </xf>
    <xf numFmtId="0" fontId="21" fillId="0" borderId="36" xfId="0" applyFont="1" applyBorder="1" applyAlignment="1">
      <alignment horizontal="center" vertical="center"/>
    </xf>
    <xf numFmtId="0" fontId="20" fillId="2" borderId="1" xfId="0" applyFont="1" applyFill="1" applyBorder="1" applyAlignment="1">
      <alignment horizontal="center" vertical="center" wrapText="1"/>
    </xf>
    <xf numFmtId="0" fontId="20" fillId="2" borderId="15" xfId="0" applyFont="1" applyFill="1" applyBorder="1" applyAlignment="1">
      <alignment horizontal="center" vertical="center" wrapText="1"/>
    </xf>
    <xf numFmtId="0" fontId="21" fillId="0" borderId="1" xfId="0" applyFont="1" applyBorder="1" applyAlignment="1">
      <alignment horizontal="center" vertical="center" wrapText="1"/>
    </xf>
    <xf numFmtId="0" fontId="21" fillId="0" borderId="15" xfId="0" applyFont="1" applyBorder="1" applyAlignment="1">
      <alignment horizontal="center" vertical="center" wrapText="1"/>
    </xf>
    <xf numFmtId="0" fontId="21" fillId="0" borderId="4" xfId="0" applyFont="1" applyBorder="1" applyAlignment="1">
      <alignment horizontal="center" vertical="center" wrapText="1"/>
    </xf>
    <xf numFmtId="0" fontId="21" fillId="0" borderId="28" xfId="0" applyFont="1" applyBorder="1" applyAlignment="1">
      <alignment horizontal="center" vertical="center" wrapText="1"/>
    </xf>
    <xf numFmtId="0" fontId="20" fillId="2" borderId="84" xfId="0" applyFont="1" applyFill="1" applyBorder="1" applyAlignment="1">
      <alignment horizontal="center" vertical="center" wrapText="1"/>
    </xf>
    <xf numFmtId="0" fontId="21" fillId="0" borderId="84" xfId="0" applyFont="1" applyBorder="1" applyAlignment="1">
      <alignment horizontal="center" vertical="center" wrapText="1"/>
    </xf>
    <xf numFmtId="0" fontId="21" fillId="0" borderId="85" xfId="0" applyFont="1" applyBorder="1" applyAlignment="1">
      <alignment horizontal="center" vertical="center" wrapText="1"/>
    </xf>
    <xf numFmtId="0" fontId="21" fillId="0" borderId="22" xfId="0" applyFont="1" applyBorder="1" applyAlignment="1">
      <alignment horizontal="center"/>
    </xf>
    <xf numFmtId="0" fontId="21" fillId="0" borderId="23" xfId="0" applyFont="1" applyBorder="1" applyAlignment="1">
      <alignment horizontal="center"/>
    </xf>
    <xf numFmtId="0" fontId="25" fillId="2" borderId="24" xfId="0" applyFont="1" applyFill="1" applyBorder="1" applyAlignment="1">
      <alignment horizontal="center" vertical="center" textRotation="255"/>
    </xf>
    <xf numFmtId="0" fontId="25" fillId="2" borderId="14" xfId="0" applyFont="1" applyFill="1" applyBorder="1" applyAlignment="1">
      <alignment horizontal="center" vertical="center" textRotation="255"/>
    </xf>
    <xf numFmtId="0" fontId="25" fillId="2" borderId="20" xfId="0" applyFont="1" applyFill="1" applyBorder="1" applyAlignment="1">
      <alignment horizontal="center" vertical="center" textRotation="255"/>
    </xf>
    <xf numFmtId="0" fontId="20" fillId="2" borderId="25" xfId="0" applyFont="1" applyFill="1" applyBorder="1" applyAlignment="1">
      <alignment horizontal="center" vertical="center"/>
    </xf>
    <xf numFmtId="0" fontId="20" fillId="2" borderId="26" xfId="0" applyFont="1" applyFill="1" applyBorder="1" applyAlignment="1">
      <alignment horizontal="center" vertical="center"/>
    </xf>
    <xf numFmtId="0" fontId="21" fillId="0" borderId="1" xfId="0" applyFont="1" applyBorder="1" applyAlignment="1">
      <alignment horizontal="center" vertical="center"/>
    </xf>
    <xf numFmtId="0" fontId="21" fillId="0" borderId="15" xfId="0" applyFont="1" applyBorder="1" applyAlignment="1">
      <alignment horizontal="center" vertical="center"/>
    </xf>
    <xf numFmtId="0" fontId="21" fillId="0" borderId="22" xfId="0" applyFont="1" applyBorder="1" applyAlignment="1">
      <alignment horizontal="center" vertical="center"/>
    </xf>
    <xf numFmtId="0" fontId="21" fillId="0" borderId="23" xfId="0" applyFont="1" applyBorder="1" applyAlignment="1">
      <alignment horizontal="center" vertical="center"/>
    </xf>
    <xf numFmtId="0" fontId="21" fillId="0" borderId="1" xfId="0" applyFont="1" applyBorder="1" applyAlignment="1">
      <alignment horizontal="center"/>
    </xf>
    <xf numFmtId="0" fontId="21" fillId="0" borderId="15" xfId="0" applyFont="1" applyBorder="1" applyAlignment="1">
      <alignment horizontal="center"/>
    </xf>
    <xf numFmtId="0" fontId="3" fillId="0" borderId="25" xfId="0" applyFont="1" applyBorder="1" applyAlignment="1">
      <alignment horizontal="left" vertical="top" wrapText="1"/>
    </xf>
    <xf numFmtId="0" fontId="3" fillId="0" borderId="26" xfId="0" applyFont="1" applyBorder="1" applyAlignment="1">
      <alignment horizontal="left" vertical="top" wrapText="1"/>
    </xf>
    <xf numFmtId="0" fontId="3" fillId="0" borderId="54" xfId="0" applyFont="1" applyBorder="1" applyAlignment="1">
      <alignment horizontal="left" vertical="top" wrapText="1"/>
    </xf>
    <xf numFmtId="0" fontId="3" fillId="0" borderId="55" xfId="0" applyFont="1" applyBorder="1" applyAlignment="1">
      <alignment horizontal="left" vertical="top" wrapText="1"/>
    </xf>
    <xf numFmtId="0" fontId="3" fillId="0" borderId="56" xfId="0" applyFont="1" applyBorder="1" applyAlignment="1">
      <alignment horizontal="left" vertical="top" wrapText="1"/>
    </xf>
    <xf numFmtId="0" fontId="20" fillId="0" borderId="0" xfId="0" applyFont="1" applyFill="1" applyBorder="1" applyAlignment="1">
      <alignment horizontal="center" vertical="center"/>
    </xf>
    <xf numFmtId="0" fontId="21" fillId="0" borderId="0" xfId="0" applyFont="1" applyFill="1" applyBorder="1" applyAlignment="1">
      <alignment horizontal="center" vertical="center"/>
    </xf>
    <xf numFmtId="0" fontId="20" fillId="0" borderId="0" xfId="0" applyFont="1" applyFill="1" applyBorder="1" applyAlignment="1">
      <alignment horizontal="center" wrapText="1"/>
    </xf>
    <xf numFmtId="0" fontId="23" fillId="0" borderId="0" xfId="0" applyFont="1" applyFill="1" applyBorder="1" applyAlignment="1">
      <alignment horizontal="left" vertical="center" wrapText="1"/>
    </xf>
    <xf numFmtId="0" fontId="20" fillId="2" borderId="34" xfId="0" applyFont="1" applyFill="1" applyBorder="1" applyAlignment="1">
      <alignment horizontal="center" vertical="center"/>
    </xf>
    <xf numFmtId="0" fontId="20" fillId="2" borderId="35" xfId="0" applyFont="1" applyFill="1" applyBorder="1" applyAlignment="1">
      <alignment horizontal="center" vertical="center"/>
    </xf>
    <xf numFmtId="0" fontId="20" fillId="2" borderId="36" xfId="0" applyFont="1" applyFill="1" applyBorder="1" applyAlignment="1">
      <alignment horizontal="center" vertical="center"/>
    </xf>
    <xf numFmtId="0" fontId="20" fillId="0" borderId="0" xfId="0" applyFont="1" applyFill="1" applyBorder="1" applyAlignment="1">
      <alignment horizontal="center" vertical="center" textRotation="255"/>
    </xf>
    <xf numFmtId="0" fontId="21" fillId="0" borderId="0" xfId="0" applyFont="1" applyFill="1" applyBorder="1" applyAlignment="1">
      <alignment horizontal="left" vertical="center"/>
    </xf>
    <xf numFmtId="0" fontId="22" fillId="0" borderId="0" xfId="0" applyFont="1" applyFill="1" applyBorder="1" applyAlignment="1">
      <alignment horizontal="left" vertical="center"/>
    </xf>
    <xf numFmtId="0" fontId="20" fillId="2" borderId="1" xfId="0" applyFont="1" applyFill="1" applyBorder="1" applyAlignment="1">
      <alignment horizontal="center" vertical="center"/>
    </xf>
    <xf numFmtId="0" fontId="20" fillId="2" borderId="15" xfId="0" applyFont="1" applyFill="1" applyBorder="1" applyAlignment="1">
      <alignment horizontal="center" vertical="center"/>
    </xf>
    <xf numFmtId="0" fontId="20" fillId="2" borderId="14" xfId="0" applyFont="1" applyFill="1" applyBorder="1" applyAlignment="1">
      <alignment horizontal="center" vertical="center"/>
    </xf>
    <xf numFmtId="0" fontId="21" fillId="0" borderId="1" xfId="0" applyFont="1" applyBorder="1" applyAlignment="1">
      <alignment horizontal="left" vertical="center" wrapText="1"/>
    </xf>
    <xf numFmtId="0" fontId="21" fillId="0" borderId="15" xfId="0" applyFont="1" applyBorder="1" applyAlignment="1">
      <alignment horizontal="left" vertical="center" wrapText="1"/>
    </xf>
    <xf numFmtId="0" fontId="20" fillId="2" borderId="16" xfId="0" applyFont="1" applyFill="1" applyBorder="1" applyAlignment="1">
      <alignment horizontal="center" vertical="center" wrapText="1"/>
    </xf>
    <xf numFmtId="0" fontId="20" fillId="2" borderId="17" xfId="0" applyFont="1" applyFill="1" applyBorder="1" applyAlignment="1">
      <alignment horizontal="center" vertical="center" wrapText="1"/>
    </xf>
    <xf numFmtId="0" fontId="20" fillId="2" borderId="18" xfId="0" applyFont="1" applyFill="1" applyBorder="1" applyAlignment="1">
      <alignment horizontal="center" vertical="center" wrapText="1"/>
    </xf>
    <xf numFmtId="0" fontId="3" fillId="0" borderId="1" xfId="0" applyFont="1" applyBorder="1" applyAlignment="1">
      <alignment horizontal="left" vertical="center" wrapText="1"/>
    </xf>
    <xf numFmtId="0" fontId="3" fillId="0" borderId="15" xfId="0" applyFont="1" applyBorder="1" applyAlignment="1">
      <alignment horizontal="left" vertical="center" wrapText="1"/>
    </xf>
    <xf numFmtId="0" fontId="20" fillId="2" borderId="14" xfId="0" applyFont="1" applyFill="1" applyBorder="1" applyAlignment="1">
      <alignment vertical="center" textRotation="255"/>
    </xf>
    <xf numFmtId="0" fontId="20" fillId="2" borderId="20" xfId="0" applyFont="1" applyFill="1" applyBorder="1" applyAlignment="1">
      <alignment vertical="center" textRotation="255"/>
    </xf>
    <xf numFmtId="0" fontId="20" fillId="2" borderId="3" xfId="0" applyFont="1" applyFill="1" applyBorder="1" applyAlignment="1">
      <alignment horizontal="center" vertical="center"/>
    </xf>
    <xf numFmtId="0" fontId="20" fillId="2" borderId="18" xfId="0" applyFont="1" applyFill="1" applyBorder="1" applyAlignment="1">
      <alignment horizontal="center" vertical="center"/>
    </xf>
    <xf numFmtId="0" fontId="3" fillId="0" borderId="3" xfId="0" applyFont="1" applyBorder="1" applyAlignment="1">
      <alignment horizontal="left" vertical="center"/>
    </xf>
    <xf numFmtId="0" fontId="3" fillId="0" borderId="17" xfId="0" applyFont="1" applyBorder="1" applyAlignment="1">
      <alignment horizontal="left" vertical="center"/>
    </xf>
    <xf numFmtId="0" fontId="3" fillId="0" borderId="19" xfId="0" applyFont="1" applyBorder="1" applyAlignment="1">
      <alignment horizontal="left" vertical="center"/>
    </xf>
    <xf numFmtId="0" fontId="20" fillId="2" borderId="4" xfId="0" applyFont="1" applyFill="1" applyBorder="1" applyAlignment="1">
      <alignment horizontal="center" vertical="center"/>
    </xf>
    <xf numFmtId="0" fontId="3" fillId="0" borderId="4" xfId="0" applyFont="1" applyBorder="1" applyAlignment="1">
      <alignment horizontal="left" vertical="center"/>
    </xf>
    <xf numFmtId="0" fontId="20" fillId="2" borderId="22" xfId="0" applyFont="1" applyFill="1" applyBorder="1" applyAlignment="1">
      <alignment horizontal="center" vertical="center"/>
    </xf>
    <xf numFmtId="0" fontId="3" fillId="0" borderId="1" xfId="0" applyFont="1" applyBorder="1" applyAlignment="1">
      <alignment horizontal="left" vertical="center"/>
    </xf>
    <xf numFmtId="0" fontId="3" fillId="0" borderId="15" xfId="0" applyFont="1" applyBorder="1" applyAlignment="1">
      <alignment horizontal="left" vertical="center"/>
    </xf>
    <xf numFmtId="0" fontId="3" fillId="0" borderId="22" xfId="0" applyFont="1" applyBorder="1" applyAlignment="1">
      <alignment horizontal="left" vertical="center"/>
    </xf>
    <xf numFmtId="0" fontId="3" fillId="0" borderId="23" xfId="0" applyFont="1" applyBorder="1" applyAlignment="1">
      <alignment horizontal="left" vertical="center"/>
    </xf>
    <xf numFmtId="0" fontId="20" fillId="2" borderId="21" xfId="0" applyFont="1" applyFill="1" applyBorder="1" applyAlignment="1">
      <alignment horizontal="center" vertical="center"/>
    </xf>
    <xf numFmtId="0" fontId="3" fillId="0" borderId="21" xfId="0" applyFont="1" applyBorder="1" applyAlignment="1">
      <alignment horizontal="left" vertical="center"/>
    </xf>
    <xf numFmtId="0" fontId="20" fillId="2" borderId="8" xfId="0" applyFont="1" applyFill="1" applyBorder="1" applyAlignment="1">
      <alignment horizontal="center" vertical="center"/>
    </xf>
    <xf numFmtId="0" fontId="20" fillId="2" borderId="9" xfId="0" applyFont="1" applyFill="1" applyBorder="1" applyAlignment="1">
      <alignment horizontal="center" vertical="center"/>
    </xf>
    <xf numFmtId="0" fontId="3" fillId="0" borderId="9" xfId="0" applyFont="1" applyBorder="1" applyAlignment="1">
      <alignment horizontal="left" vertical="center"/>
    </xf>
    <xf numFmtId="0" fontId="3" fillId="0" borderId="10" xfId="0" applyFont="1" applyBorder="1" applyAlignment="1">
      <alignment horizontal="left" vertical="center"/>
    </xf>
    <xf numFmtId="0" fontId="20" fillId="2" borderId="11" xfId="0" applyFont="1" applyFill="1" applyBorder="1" applyAlignment="1">
      <alignment horizontal="center" vertical="center"/>
    </xf>
    <xf numFmtId="0" fontId="20" fillId="2" borderId="12" xfId="0" applyFont="1" applyFill="1" applyBorder="1" applyAlignment="1">
      <alignment horizontal="center" vertical="center"/>
    </xf>
    <xf numFmtId="0" fontId="3" fillId="0" borderId="12" xfId="0" applyFont="1" applyBorder="1" applyAlignment="1">
      <alignment horizontal="left" vertical="center"/>
    </xf>
    <xf numFmtId="0" fontId="3" fillId="0" borderId="13" xfId="0" applyFont="1" applyBorder="1" applyAlignment="1">
      <alignment horizontal="left" vertical="center"/>
    </xf>
    <xf numFmtId="0" fontId="3" fillId="0" borderId="3" xfId="0" applyFont="1" applyFill="1" applyBorder="1" applyAlignment="1">
      <alignment horizontal="left" vertical="center"/>
    </xf>
    <xf numFmtId="0" fontId="3" fillId="0" borderId="17" xfId="0" applyFont="1" applyFill="1" applyBorder="1" applyAlignment="1">
      <alignment horizontal="left" vertical="center"/>
    </xf>
    <xf numFmtId="0" fontId="3" fillId="0" borderId="19" xfId="0" applyFont="1" applyFill="1" applyBorder="1" applyAlignment="1">
      <alignment horizontal="left" vertical="center"/>
    </xf>
    <xf numFmtId="0" fontId="3" fillId="0" borderId="54" xfId="0" applyFont="1" applyBorder="1" applyAlignment="1">
      <alignment horizontal="left"/>
    </xf>
    <xf numFmtId="0" fontId="3" fillId="0" borderId="55" xfId="0" applyFont="1" applyBorder="1" applyAlignment="1">
      <alignment horizontal="left"/>
    </xf>
    <xf numFmtId="0" fontId="3" fillId="0" borderId="56" xfId="0" applyFont="1" applyBorder="1" applyAlignment="1">
      <alignment horizontal="left"/>
    </xf>
    <xf numFmtId="0" fontId="29" fillId="2" borderId="3" xfId="0" applyFont="1" applyFill="1" applyBorder="1" applyAlignment="1">
      <alignment horizontal="center" vertical="center"/>
    </xf>
    <xf numFmtId="0" fontId="29" fillId="2" borderId="17" xfId="0" applyFont="1" applyFill="1" applyBorder="1" applyAlignment="1">
      <alignment horizontal="center" vertical="center"/>
    </xf>
    <xf numFmtId="0" fontId="29" fillId="2" borderId="19" xfId="0" applyFont="1" applyFill="1" applyBorder="1" applyAlignment="1">
      <alignment horizontal="center" vertical="center"/>
    </xf>
    <xf numFmtId="0" fontId="3" fillId="0" borderId="18" xfId="0" applyFont="1" applyBorder="1" applyAlignment="1">
      <alignment horizontal="left" vertical="center"/>
    </xf>
    <xf numFmtId="0" fontId="28" fillId="2" borderId="1" xfId="0" applyFont="1" applyFill="1" applyBorder="1" applyAlignment="1">
      <alignment horizontal="center" vertical="center"/>
    </xf>
    <xf numFmtId="0" fontId="28" fillId="2" borderId="15" xfId="0" applyFont="1" applyFill="1" applyBorder="1" applyAlignment="1">
      <alignment horizontal="center" vertical="center"/>
    </xf>
    <xf numFmtId="0" fontId="3" fillId="0" borderId="28" xfId="0" applyFont="1" applyBorder="1" applyAlignment="1">
      <alignment horizontal="left" vertical="center"/>
    </xf>
    <xf numFmtId="0" fontId="27" fillId="2" borderId="27" xfId="0" applyFont="1" applyFill="1" applyBorder="1" applyAlignment="1">
      <alignment horizontal="center" vertical="center"/>
    </xf>
    <xf numFmtId="0" fontId="27" fillId="2" borderId="53" xfId="0" applyFont="1" applyFill="1" applyBorder="1" applyAlignment="1">
      <alignment horizontal="center" vertical="center"/>
    </xf>
    <xf numFmtId="0" fontId="27" fillId="2" borderId="4" xfId="0" applyFont="1" applyFill="1" applyBorder="1" applyAlignment="1">
      <alignment horizontal="center" vertical="center"/>
    </xf>
    <xf numFmtId="0" fontId="27" fillId="2" borderId="7" xfId="0" applyFont="1" applyFill="1" applyBorder="1" applyAlignment="1">
      <alignment horizontal="center" vertical="center"/>
    </xf>
    <xf numFmtId="0" fontId="28" fillId="2" borderId="4" xfId="0" applyFont="1" applyFill="1" applyBorder="1" applyAlignment="1">
      <alignment horizontal="center" vertical="center"/>
    </xf>
    <xf numFmtId="0" fontId="28" fillId="2" borderId="28" xfId="0" applyFont="1" applyFill="1" applyBorder="1" applyAlignment="1">
      <alignment horizontal="center" vertical="center"/>
    </xf>
    <xf numFmtId="0" fontId="28" fillId="2" borderId="43" xfId="0" applyFont="1" applyFill="1" applyBorder="1" applyAlignment="1">
      <alignment horizontal="center" vertical="center"/>
    </xf>
    <xf numFmtId="0" fontId="28" fillId="2" borderId="44" xfId="0" applyFont="1" applyFill="1" applyBorder="1" applyAlignment="1">
      <alignment horizontal="center" vertical="center"/>
    </xf>
    <xf numFmtId="0" fontId="26" fillId="2" borderId="24" xfId="0" applyFont="1" applyFill="1" applyBorder="1" applyAlignment="1">
      <alignment horizontal="center" vertical="center"/>
    </xf>
    <xf numFmtId="0" fontId="26" fillId="2" borderId="25" xfId="0" applyFont="1" applyFill="1" applyBorder="1" applyAlignment="1">
      <alignment horizontal="center" vertical="center"/>
    </xf>
    <xf numFmtId="0" fontId="3" fillId="0" borderId="38" xfId="0" applyFont="1" applyBorder="1" applyAlignment="1">
      <alignment horizontal="left" vertical="center"/>
    </xf>
    <xf numFmtId="0" fontId="3" fillId="0" borderId="35" xfId="0" applyFont="1" applyBorder="1" applyAlignment="1">
      <alignment horizontal="left" vertical="center"/>
    </xf>
    <xf numFmtId="0" fontId="3" fillId="0" borderId="36" xfId="0" applyFont="1" applyBorder="1" applyAlignment="1">
      <alignment horizontal="left" vertical="center"/>
    </xf>
    <xf numFmtId="0" fontId="26" fillId="2" borderId="27" xfId="0" applyFont="1" applyFill="1" applyBorder="1" applyAlignment="1">
      <alignment horizontal="center" vertical="center"/>
    </xf>
    <xf numFmtId="0" fontId="26" fillId="2" borderId="4" xfId="0" applyFont="1" applyFill="1" applyBorder="1" applyAlignment="1">
      <alignment horizontal="center" vertical="center"/>
    </xf>
    <xf numFmtId="0" fontId="3" fillId="0" borderId="41" xfId="0" applyFont="1" applyBorder="1" applyAlignment="1">
      <alignment horizontal="left" vertical="center"/>
    </xf>
    <xf numFmtId="0" fontId="3" fillId="0" borderId="42" xfId="0" applyFont="1" applyBorder="1" applyAlignment="1">
      <alignment horizontal="left" vertical="center"/>
    </xf>
    <xf numFmtId="0" fontId="26" fillId="2" borderId="1" xfId="0" applyFont="1" applyFill="1" applyBorder="1" applyAlignment="1">
      <alignment horizontal="center" vertical="center"/>
    </xf>
    <xf numFmtId="0" fontId="3" fillId="0" borderId="15" xfId="0" applyFont="1" applyBorder="1" applyAlignment="1">
      <alignment horizontal="center" wrapText="1"/>
    </xf>
    <xf numFmtId="0" fontId="3" fillId="0" borderId="15" xfId="0" applyFont="1" applyBorder="1" applyAlignment="1">
      <alignment horizontal="center"/>
    </xf>
    <xf numFmtId="0" fontId="26" fillId="2" borderId="11" xfId="0" applyFont="1" applyFill="1" applyBorder="1" applyAlignment="1">
      <alignment horizontal="center" vertical="center"/>
    </xf>
    <xf numFmtId="0" fontId="26" fillId="2" borderId="12" xfId="0" applyFont="1" applyFill="1" applyBorder="1" applyAlignment="1">
      <alignment horizontal="center" vertical="center"/>
    </xf>
    <xf numFmtId="0" fontId="3" fillId="0" borderId="43" xfId="0" applyFont="1" applyBorder="1" applyAlignment="1">
      <alignment horizontal="left" vertical="center"/>
    </xf>
    <xf numFmtId="0" fontId="3" fillId="0" borderId="44" xfId="0" applyFont="1" applyBorder="1" applyAlignment="1">
      <alignment horizontal="left" vertical="center"/>
    </xf>
    <xf numFmtId="0" fontId="26" fillId="2" borderId="14" xfId="0" applyFont="1" applyFill="1" applyBorder="1" applyAlignment="1">
      <alignment horizontal="center" vertical="center"/>
    </xf>
    <xf numFmtId="0" fontId="26" fillId="2" borderId="20" xfId="0" applyFont="1" applyFill="1" applyBorder="1" applyAlignment="1">
      <alignment horizontal="center" vertical="center"/>
    </xf>
    <xf numFmtId="0" fontId="26" fillId="2" borderId="22" xfId="0" applyFont="1" applyFill="1" applyBorder="1" applyAlignment="1">
      <alignment horizontal="center" vertical="center"/>
    </xf>
    <xf numFmtId="0" fontId="3" fillId="0" borderId="45" xfId="0" applyFont="1" applyBorder="1" applyAlignment="1">
      <alignment horizontal="left" vertical="center"/>
    </xf>
    <xf numFmtId="0" fontId="3" fillId="0" borderId="46" xfId="0" applyFont="1" applyBorder="1" applyAlignment="1">
      <alignment horizontal="left" vertical="center"/>
    </xf>
    <xf numFmtId="0" fontId="3" fillId="0" borderId="47" xfId="0" applyFont="1" applyBorder="1" applyAlignment="1">
      <alignment horizontal="left" vertical="center"/>
    </xf>
    <xf numFmtId="0" fontId="3" fillId="0" borderId="48" xfId="0" applyFont="1" applyBorder="1" applyAlignment="1">
      <alignment horizontal="left" vertical="center"/>
    </xf>
    <xf numFmtId="0" fontId="26" fillId="2" borderId="49" xfId="0" applyFont="1" applyFill="1" applyBorder="1" applyAlignment="1">
      <alignment horizontal="center" vertical="center"/>
    </xf>
    <xf numFmtId="0" fontId="3" fillId="0" borderId="28" xfId="0" applyFont="1" applyBorder="1" applyAlignment="1">
      <alignment horizontal="center"/>
    </xf>
    <xf numFmtId="0" fontId="3" fillId="0" borderId="50" xfId="0" applyFont="1" applyBorder="1" applyAlignment="1">
      <alignment horizontal="center"/>
    </xf>
    <xf numFmtId="0" fontId="28" fillId="2" borderId="25" xfId="0" applyFont="1" applyFill="1" applyBorder="1" applyAlignment="1">
      <alignment horizontal="center" vertical="center"/>
    </xf>
    <xf numFmtId="0" fontId="28" fillId="2" borderId="26" xfId="0" applyFont="1" applyFill="1" applyBorder="1" applyAlignment="1">
      <alignment horizontal="center" vertical="center"/>
    </xf>
    <xf numFmtId="0" fontId="47" fillId="0" borderId="0" xfId="8" applyFont="1" applyFill="1" applyBorder="1" applyAlignment="1">
      <alignment horizontal="center" vertical="center"/>
    </xf>
    <xf numFmtId="0" fontId="50" fillId="0" borderId="0" xfId="8" applyFont="1" applyFill="1" applyBorder="1" applyAlignment="1">
      <alignment horizontal="center" vertical="center"/>
    </xf>
    <xf numFmtId="0" fontId="1" fillId="0" borderId="0" xfId="8" applyFill="1" applyBorder="1" applyAlignment="1">
      <alignment horizontal="center" vertical="center"/>
    </xf>
    <xf numFmtId="0" fontId="47" fillId="0" borderId="32" xfId="8" applyFont="1" applyBorder="1" applyAlignment="1">
      <alignment horizontal="center" vertical="center"/>
    </xf>
    <xf numFmtId="0" fontId="47" fillId="2" borderId="4" xfId="8" applyFont="1" applyFill="1" applyBorder="1" applyAlignment="1">
      <alignment horizontal="center" vertical="center"/>
    </xf>
    <xf numFmtId="0" fontId="47" fillId="2" borderId="7" xfId="8" applyFont="1" applyFill="1" applyBorder="1" applyAlignment="1">
      <alignment horizontal="center" vertical="center"/>
    </xf>
    <xf numFmtId="0" fontId="47" fillId="2" borderId="3" xfId="8" applyFont="1" applyFill="1" applyBorder="1" applyAlignment="1">
      <alignment horizontal="center" vertical="center"/>
    </xf>
    <xf numFmtId="0" fontId="1" fillId="2" borderId="18" xfId="8" applyFill="1" applyBorder="1" applyAlignment="1">
      <alignment horizontal="center" vertical="center"/>
    </xf>
    <xf numFmtId="0" fontId="32" fillId="0" borderId="28" xfId="0" applyFont="1" applyBorder="1" applyAlignment="1">
      <alignment horizontal="center"/>
    </xf>
    <xf numFmtId="0" fontId="32" fillId="0" borderId="50" xfId="0" applyFont="1" applyBorder="1" applyAlignment="1">
      <alignment horizontal="center"/>
    </xf>
    <xf numFmtId="0" fontId="32" fillId="0" borderId="31" xfId="0" applyFont="1" applyBorder="1" applyAlignment="1">
      <alignment horizontal="left" vertical="top" wrapText="1"/>
    </xf>
    <xf numFmtId="0" fontId="32" fillId="0" borderId="32" xfId="0" applyFont="1" applyBorder="1" applyAlignment="1">
      <alignment horizontal="left" vertical="top" wrapText="1"/>
    </xf>
    <xf numFmtId="0" fontId="32" fillId="0" borderId="33" xfId="0" applyFont="1" applyBorder="1" applyAlignment="1">
      <alignment horizontal="left" vertical="top" wrapText="1"/>
    </xf>
    <xf numFmtId="0" fontId="32" fillId="0" borderId="3" xfId="0" applyFont="1" applyBorder="1" applyAlignment="1">
      <alignment horizontal="left" vertical="top" wrapText="1"/>
    </xf>
    <xf numFmtId="0" fontId="32" fillId="0" borderId="17" xfId="0" applyFont="1" applyBorder="1" applyAlignment="1">
      <alignment horizontal="left" vertical="top" wrapText="1"/>
    </xf>
    <xf numFmtId="0" fontId="32" fillId="0" borderId="18" xfId="0" applyFont="1" applyBorder="1" applyAlignment="1">
      <alignment horizontal="left" vertical="top" wrapText="1"/>
    </xf>
    <xf numFmtId="0" fontId="33" fillId="0" borderId="0" xfId="0" applyFont="1" applyAlignment="1">
      <alignment horizontal="center" vertical="center"/>
    </xf>
    <xf numFmtId="0" fontId="16" fillId="2" borderId="45" xfId="0" applyFont="1" applyFill="1" applyBorder="1" applyAlignment="1">
      <alignment horizontal="center" vertical="center"/>
    </xf>
    <xf numFmtId="0" fontId="16" fillId="2" borderId="2" xfId="0" applyFont="1" applyFill="1" applyBorder="1" applyAlignment="1">
      <alignment horizontal="center" vertical="center"/>
    </xf>
    <xf numFmtId="0" fontId="16" fillId="2" borderId="46" xfId="0" applyFont="1" applyFill="1" applyBorder="1" applyAlignment="1">
      <alignment horizontal="center" vertical="center"/>
    </xf>
    <xf numFmtId="0" fontId="16" fillId="2" borderId="31" xfId="0" applyFont="1" applyFill="1" applyBorder="1" applyAlignment="1">
      <alignment horizontal="center" vertical="center"/>
    </xf>
    <xf numFmtId="0" fontId="16" fillId="2" borderId="32" xfId="0" applyFont="1" applyFill="1" applyBorder="1" applyAlignment="1">
      <alignment horizontal="center" vertical="center"/>
    </xf>
    <xf numFmtId="0" fontId="16" fillId="2" borderId="33" xfId="0" applyFont="1" applyFill="1" applyBorder="1" applyAlignment="1">
      <alignment horizontal="center" vertical="center"/>
    </xf>
    <xf numFmtId="0" fontId="3" fillId="0" borderId="45" xfId="0" applyFont="1" applyBorder="1" applyAlignment="1">
      <alignment horizontal="center" vertical="center" wrapText="1"/>
    </xf>
    <xf numFmtId="0" fontId="3" fillId="0" borderId="2" xfId="0" applyFont="1" applyBorder="1" applyAlignment="1">
      <alignment horizontal="center" vertical="center"/>
    </xf>
    <xf numFmtId="0" fontId="3" fillId="0" borderId="46" xfId="0" applyFont="1" applyBorder="1" applyAlignment="1">
      <alignment horizontal="center" vertical="center"/>
    </xf>
    <xf numFmtId="0" fontId="3" fillId="0" borderId="31" xfId="0" applyFont="1" applyBorder="1" applyAlignment="1">
      <alignment horizontal="center" vertical="center" wrapText="1"/>
    </xf>
    <xf numFmtId="0" fontId="3" fillId="0" borderId="32" xfId="0" applyFont="1" applyBorder="1" applyAlignment="1">
      <alignment horizontal="center" vertical="center"/>
    </xf>
    <xf numFmtId="0" fontId="3" fillId="0" borderId="33" xfId="0" applyFont="1" applyBorder="1" applyAlignment="1">
      <alignment horizontal="center" vertical="center"/>
    </xf>
    <xf numFmtId="0" fontId="17" fillId="0" borderId="45" xfId="0" applyFont="1" applyFill="1" applyBorder="1" applyAlignment="1">
      <alignment horizontal="left" vertical="center"/>
    </xf>
    <xf numFmtId="0" fontId="17" fillId="0" borderId="2" xfId="0" applyFont="1" applyFill="1" applyBorder="1" applyAlignment="1">
      <alignment horizontal="left" vertical="center"/>
    </xf>
    <xf numFmtId="0" fontId="17" fillId="0" borderId="46" xfId="0" applyFont="1" applyFill="1" applyBorder="1" applyAlignment="1">
      <alignment horizontal="left" vertical="center"/>
    </xf>
    <xf numFmtId="20" fontId="27" fillId="2" borderId="17" xfId="3" applyNumberFormat="1" applyFont="1" applyFill="1" applyBorder="1" applyAlignment="1">
      <alignment horizontal="center" vertical="center"/>
    </xf>
    <xf numFmtId="20" fontId="27" fillId="0" borderId="0" xfId="3" applyNumberFormat="1" applyFont="1" applyFill="1" applyBorder="1" applyAlignment="1">
      <alignment horizontal="center" vertical="center"/>
    </xf>
    <xf numFmtId="0" fontId="27" fillId="0" borderId="0" xfId="3" applyFont="1" applyFill="1" applyBorder="1" applyAlignment="1">
      <alignment vertical="center" wrapText="1"/>
    </xf>
    <xf numFmtId="20" fontId="27" fillId="2" borderId="18" xfId="3" applyNumberFormat="1" applyFont="1" applyFill="1" applyBorder="1" applyAlignment="1">
      <alignment horizontal="center" vertical="center"/>
    </xf>
    <xf numFmtId="0" fontId="27" fillId="0" borderId="0" xfId="3" applyFont="1" applyAlignment="1">
      <alignment vertical="center" wrapText="1"/>
    </xf>
    <xf numFmtId="0" fontId="16" fillId="2" borderId="3" xfId="0" applyFont="1" applyFill="1" applyBorder="1" applyAlignment="1">
      <alignment horizontal="left" vertical="center"/>
    </xf>
    <xf numFmtId="0" fontId="16" fillId="2" borderId="18" xfId="0" applyFont="1" applyFill="1" applyBorder="1" applyAlignment="1">
      <alignment horizontal="left" vertical="center"/>
    </xf>
    <xf numFmtId="0" fontId="32" fillId="0" borderId="3" xfId="0" applyFont="1" applyBorder="1" applyAlignment="1">
      <alignment horizontal="left" vertical="center"/>
    </xf>
    <xf numFmtId="0" fontId="32" fillId="0" borderId="17" xfId="0" applyFont="1" applyBorder="1" applyAlignment="1">
      <alignment horizontal="left" vertical="center"/>
    </xf>
    <xf numFmtId="0" fontId="32" fillId="0" borderId="18" xfId="0" applyFont="1" applyBorder="1" applyAlignment="1">
      <alignment horizontal="left" vertical="center"/>
    </xf>
    <xf numFmtId="0" fontId="16" fillId="2" borderId="45" xfId="0" applyFont="1" applyFill="1" applyBorder="1" applyAlignment="1">
      <alignment horizontal="center" vertical="center" wrapText="1"/>
    </xf>
    <xf numFmtId="0" fontId="16" fillId="2" borderId="46" xfId="0" applyFont="1" applyFill="1" applyBorder="1" applyAlignment="1">
      <alignment horizontal="center" vertical="center" wrapText="1"/>
    </xf>
    <xf numFmtId="0" fontId="16" fillId="2" borderId="31" xfId="0" applyFont="1" applyFill="1" applyBorder="1" applyAlignment="1">
      <alignment horizontal="center" vertical="center" wrapText="1"/>
    </xf>
    <xf numFmtId="0" fontId="16" fillId="2" borderId="33" xfId="0" applyFont="1" applyFill="1" applyBorder="1" applyAlignment="1">
      <alignment horizontal="center" vertical="center" wrapText="1"/>
    </xf>
    <xf numFmtId="0" fontId="32" fillId="0" borderId="45" xfId="0" applyFont="1" applyBorder="1" applyAlignment="1">
      <alignment horizontal="center" vertical="center"/>
    </xf>
    <xf numFmtId="0" fontId="32" fillId="0" borderId="2" xfId="0" applyFont="1" applyBorder="1" applyAlignment="1">
      <alignment horizontal="center" vertical="center"/>
    </xf>
    <xf numFmtId="0" fontId="32" fillId="0" borderId="46" xfId="0" applyFont="1" applyBorder="1" applyAlignment="1">
      <alignment horizontal="center" vertical="center"/>
    </xf>
    <xf numFmtId="0" fontId="32" fillId="0" borderId="31" xfId="0" applyFont="1" applyBorder="1" applyAlignment="1">
      <alignment horizontal="center" vertical="center"/>
    </xf>
    <xf numFmtId="0" fontId="32" fillId="0" borderId="32" xfId="0" applyFont="1" applyBorder="1" applyAlignment="1">
      <alignment horizontal="center" vertical="center"/>
    </xf>
    <xf numFmtId="0" fontId="32" fillId="0" borderId="33" xfId="0" applyFont="1" applyBorder="1" applyAlignment="1">
      <alignment horizontal="center" vertical="center"/>
    </xf>
    <xf numFmtId="0" fontId="32" fillId="0" borderId="17" xfId="0" applyFont="1" applyBorder="1" applyAlignment="1">
      <alignment horizontal="center" vertical="center"/>
    </xf>
    <xf numFmtId="0" fontId="32" fillId="0" borderId="3" xfId="0" applyFont="1" applyBorder="1" applyAlignment="1">
      <alignment horizontal="center" vertical="center"/>
    </xf>
    <xf numFmtId="0" fontId="32" fillId="0" borderId="18" xfId="0" applyFont="1" applyBorder="1" applyAlignment="1">
      <alignment horizontal="center" vertical="center"/>
    </xf>
    <xf numFmtId="0" fontId="16" fillId="2" borderId="3" xfId="0" applyFont="1" applyFill="1" applyBorder="1" applyAlignment="1">
      <alignment horizontal="center" vertical="center" shrinkToFit="1"/>
    </xf>
    <xf numFmtId="0" fontId="16" fillId="2" borderId="18" xfId="0" applyFont="1" applyFill="1" applyBorder="1" applyAlignment="1">
      <alignment horizontal="center" vertical="center" shrinkToFit="1"/>
    </xf>
    <xf numFmtId="0" fontId="16" fillId="2" borderId="3" xfId="0" applyFont="1" applyFill="1" applyBorder="1" applyAlignment="1">
      <alignment horizontal="center" vertical="center"/>
    </xf>
    <xf numFmtId="0" fontId="16" fillId="2" borderId="18" xfId="0" applyFont="1" applyFill="1" applyBorder="1" applyAlignment="1">
      <alignment horizontal="center" vertical="center"/>
    </xf>
    <xf numFmtId="0" fontId="16" fillId="2" borderId="1" xfId="0" applyFont="1" applyFill="1" applyBorder="1" applyAlignment="1">
      <alignment horizontal="center" vertical="center"/>
    </xf>
    <xf numFmtId="0" fontId="16" fillId="2" borderId="60" xfId="0" applyFont="1" applyFill="1" applyBorder="1" applyAlignment="1">
      <alignment horizontal="center" vertical="center"/>
    </xf>
    <xf numFmtId="0" fontId="16" fillId="2" borderId="72" xfId="0" applyFont="1" applyFill="1" applyBorder="1" applyAlignment="1">
      <alignment horizontal="center" vertical="center"/>
    </xf>
    <xf numFmtId="0" fontId="32" fillId="0" borderId="1" xfId="0" applyFont="1" applyFill="1" applyBorder="1" applyAlignment="1">
      <alignment horizontal="center" vertical="center"/>
    </xf>
    <xf numFmtId="0" fontId="32" fillId="0" borderId="3" xfId="0" applyFont="1" applyBorder="1" applyAlignment="1">
      <alignment horizontal="center" vertical="center" wrapText="1"/>
    </xf>
    <xf numFmtId="0" fontId="32" fillId="0" borderId="43" xfId="0" applyFont="1" applyBorder="1" applyAlignment="1">
      <alignment horizontal="left" vertical="center"/>
    </xf>
    <xf numFmtId="0" fontId="32" fillId="0" borderId="101" xfId="0" applyFont="1" applyBorder="1" applyAlignment="1">
      <alignment horizontal="left" vertical="center"/>
    </xf>
    <xf numFmtId="0" fontId="32" fillId="0" borderId="44" xfId="0" applyFont="1" applyBorder="1" applyAlignment="1">
      <alignment horizontal="left" vertical="center"/>
    </xf>
    <xf numFmtId="0" fontId="16" fillId="2" borderId="4" xfId="0" applyFont="1" applyFill="1" applyBorder="1" applyAlignment="1">
      <alignment horizontal="center" vertical="center"/>
    </xf>
    <xf numFmtId="0" fontId="16" fillId="2" borderId="7" xfId="0" applyFont="1" applyFill="1" applyBorder="1" applyAlignment="1">
      <alignment horizontal="center" vertical="center"/>
    </xf>
    <xf numFmtId="0" fontId="32" fillId="0" borderId="45" xfId="0" applyFont="1" applyFill="1" applyBorder="1" applyAlignment="1">
      <alignment horizontal="center" vertical="center"/>
    </xf>
    <xf numFmtId="0" fontId="32" fillId="0" borderId="46" xfId="0" applyFont="1" applyFill="1" applyBorder="1" applyAlignment="1">
      <alignment horizontal="center" vertical="center"/>
    </xf>
    <xf numFmtId="0" fontId="32" fillId="0" borderId="31" xfId="0" applyFont="1" applyFill="1" applyBorder="1" applyAlignment="1">
      <alignment horizontal="center" vertical="center"/>
    </xf>
    <xf numFmtId="0" fontId="32" fillId="0" borderId="33" xfId="0" applyFont="1" applyFill="1" applyBorder="1" applyAlignment="1">
      <alignment horizontal="center" vertical="center"/>
    </xf>
    <xf numFmtId="0" fontId="3" fillId="0" borderId="32" xfId="0" applyFont="1" applyFill="1" applyBorder="1" applyAlignment="1">
      <alignment horizontal="left" vertical="center"/>
    </xf>
    <xf numFmtId="0" fontId="3" fillId="0" borderId="7" xfId="0" applyFont="1" applyFill="1" applyBorder="1" applyAlignment="1">
      <alignment horizontal="left" vertical="center"/>
    </xf>
    <xf numFmtId="0" fontId="32" fillId="0" borderId="1" xfId="0" applyFont="1" applyBorder="1" applyAlignment="1">
      <alignment horizontal="center" vertical="center"/>
    </xf>
    <xf numFmtId="0" fontId="33" fillId="0" borderId="0" xfId="0" applyFont="1" applyFill="1" applyAlignment="1">
      <alignment horizontal="center" vertical="center"/>
    </xf>
    <xf numFmtId="0" fontId="3" fillId="0" borderId="1" xfId="0" applyFont="1" applyFill="1" applyBorder="1" applyAlignment="1">
      <alignment horizontal="center" vertical="center"/>
    </xf>
    <xf numFmtId="0" fontId="32" fillId="0" borderId="17" xfId="0" applyFont="1" applyFill="1" applyBorder="1" applyAlignment="1">
      <alignment horizontal="center" vertical="center"/>
    </xf>
    <xf numFmtId="0" fontId="32" fillId="0" borderId="18" xfId="0" applyFont="1" applyFill="1" applyBorder="1" applyAlignment="1">
      <alignment horizontal="center" vertical="center"/>
    </xf>
    <xf numFmtId="0" fontId="16" fillId="2" borderId="3" xfId="0" applyFont="1" applyFill="1" applyBorder="1" applyAlignment="1">
      <alignment horizontal="center" vertical="center" wrapText="1"/>
    </xf>
    <xf numFmtId="0" fontId="16" fillId="2" borderId="17" xfId="0" applyFont="1" applyFill="1" applyBorder="1" applyAlignment="1">
      <alignment horizontal="center" vertical="center"/>
    </xf>
    <xf numFmtId="0" fontId="32" fillId="0" borderId="3" xfId="0" applyFont="1" applyFill="1" applyBorder="1" applyAlignment="1">
      <alignment horizontal="left" vertical="center"/>
    </xf>
    <xf numFmtId="0" fontId="32" fillId="0" borderId="17" xfId="0" applyFont="1" applyFill="1" applyBorder="1" applyAlignment="1">
      <alignment horizontal="left" vertical="center"/>
    </xf>
    <xf numFmtId="0" fontId="32" fillId="0" borderId="18" xfId="0" applyFont="1" applyFill="1" applyBorder="1" applyAlignment="1">
      <alignment horizontal="left" vertical="center"/>
    </xf>
    <xf numFmtId="0" fontId="32" fillId="0" borderId="2" xfId="0" applyFont="1" applyFill="1" applyBorder="1" applyAlignment="1">
      <alignment horizontal="center" vertical="center"/>
    </xf>
    <xf numFmtId="0" fontId="16" fillId="0" borderId="31" xfId="0" applyFont="1" applyBorder="1" applyAlignment="1">
      <alignment horizontal="left" vertical="center"/>
    </xf>
    <xf numFmtId="0" fontId="16" fillId="0" borderId="32" xfId="0" applyFont="1" applyBorder="1" applyAlignment="1">
      <alignment horizontal="left" vertical="center"/>
    </xf>
    <xf numFmtId="0" fontId="16" fillId="0" borderId="33" xfId="0" applyFont="1" applyBorder="1" applyAlignment="1">
      <alignment horizontal="left" vertical="center"/>
    </xf>
    <xf numFmtId="0" fontId="3" fillId="0" borderId="45" xfId="0" applyFont="1" applyFill="1" applyBorder="1" applyAlignment="1">
      <alignment horizontal="left" vertical="center"/>
    </xf>
    <xf numFmtId="0" fontId="3" fillId="0" borderId="2" xfId="0" applyFont="1" applyFill="1" applyBorder="1" applyAlignment="1">
      <alignment horizontal="left" vertical="center"/>
    </xf>
    <xf numFmtId="0" fontId="3" fillId="0" borderId="46" xfId="0" applyFont="1" applyFill="1" applyBorder="1" applyAlignment="1">
      <alignment horizontal="left" vertical="center"/>
    </xf>
    <xf numFmtId="0" fontId="16" fillId="2" borderId="5" xfId="0" applyFont="1" applyFill="1" applyBorder="1" applyAlignment="1">
      <alignment horizontal="center" vertical="center"/>
    </xf>
    <xf numFmtId="0" fontId="32" fillId="0" borderId="1" xfId="0" applyFont="1" applyFill="1" applyBorder="1" applyAlignment="1">
      <alignment horizontal="left" vertical="center"/>
    </xf>
    <xf numFmtId="0" fontId="32" fillId="0" borderId="1" xfId="0" applyFont="1" applyBorder="1" applyAlignment="1">
      <alignment horizontal="left" vertical="center"/>
    </xf>
    <xf numFmtId="0" fontId="32" fillId="0" borderId="41" xfId="0" applyFont="1" applyBorder="1" applyAlignment="1">
      <alignment horizontal="left" vertical="center"/>
    </xf>
    <xf numFmtId="0" fontId="32" fillId="0" borderId="100" xfId="0" applyFont="1" applyBorder="1" applyAlignment="1">
      <alignment horizontal="left" vertical="center"/>
    </xf>
    <xf numFmtId="0" fontId="32" fillId="0" borderId="42" xfId="0" applyFont="1" applyBorder="1" applyAlignment="1">
      <alignment horizontal="left" vertical="center"/>
    </xf>
    <xf numFmtId="0" fontId="16" fillId="2" borderId="1" xfId="0" applyFont="1" applyFill="1" applyBorder="1" applyAlignment="1">
      <alignment horizontal="center" vertical="center" wrapText="1" shrinkToFit="1"/>
    </xf>
    <xf numFmtId="0" fontId="11" fillId="2" borderId="4" xfId="0" applyFont="1" applyFill="1" applyBorder="1" applyAlignment="1">
      <alignment horizontal="left" vertical="center" wrapText="1"/>
    </xf>
    <xf numFmtId="0" fontId="3" fillId="0" borderId="12" xfId="0" applyFont="1" applyBorder="1" applyAlignment="1">
      <alignment horizontal="left" vertical="top" wrapText="1"/>
    </xf>
    <xf numFmtId="0" fontId="3" fillId="0" borderId="1" xfId="0" applyFont="1" applyBorder="1" applyAlignment="1">
      <alignment horizontal="left" vertical="top" wrapText="1"/>
    </xf>
    <xf numFmtId="0" fontId="16" fillId="2" borderId="4" xfId="0" applyFont="1" applyFill="1" applyBorder="1" applyAlignment="1">
      <alignment horizontal="left" vertical="center" wrapText="1"/>
    </xf>
    <xf numFmtId="0" fontId="32" fillId="0" borderId="3" xfId="0" applyFont="1" applyBorder="1" applyAlignment="1">
      <alignment horizontal="left" vertical="center" wrapText="1"/>
    </xf>
    <xf numFmtId="0" fontId="32" fillId="0" borderId="17" xfId="0" applyFont="1" applyBorder="1" applyAlignment="1">
      <alignment horizontal="left" vertical="center" wrapText="1"/>
    </xf>
    <xf numFmtId="0" fontId="32" fillId="0" borderId="18" xfId="0" applyFont="1" applyBorder="1" applyAlignment="1">
      <alignment horizontal="left" vertical="center" wrapText="1"/>
    </xf>
    <xf numFmtId="0" fontId="16" fillId="2" borderId="45" xfId="0" applyFont="1" applyFill="1" applyBorder="1" applyAlignment="1">
      <alignment horizontal="left" vertical="center" wrapText="1"/>
    </xf>
    <xf numFmtId="0" fontId="16" fillId="2" borderId="46" xfId="0" applyFont="1" applyFill="1" applyBorder="1" applyAlignment="1">
      <alignment horizontal="left" vertical="center"/>
    </xf>
    <xf numFmtId="0" fontId="16" fillId="2" borderId="31" xfId="0" applyFont="1" applyFill="1" applyBorder="1" applyAlignment="1">
      <alignment horizontal="left" vertical="center"/>
    </xf>
    <xf numFmtId="0" fontId="16" fillId="2" borderId="33" xfId="0" applyFont="1" applyFill="1" applyBorder="1" applyAlignment="1">
      <alignment horizontal="left" vertical="center"/>
    </xf>
    <xf numFmtId="0" fontId="32" fillId="0" borderId="45" xfId="0" applyFont="1" applyBorder="1" applyAlignment="1">
      <alignment horizontal="left" vertical="center" wrapText="1"/>
    </xf>
    <xf numFmtId="0" fontId="32" fillId="0" borderId="2" xfId="0" applyFont="1" applyBorder="1" applyAlignment="1">
      <alignment horizontal="left" vertical="center" wrapText="1"/>
    </xf>
    <xf numFmtId="0" fontId="32" fillId="0" borderId="46" xfId="0" applyFont="1" applyBorder="1" applyAlignment="1">
      <alignment horizontal="left" vertical="center" wrapText="1"/>
    </xf>
    <xf numFmtId="0" fontId="32" fillId="0" borderId="31" xfId="0" applyFont="1" applyBorder="1" applyAlignment="1">
      <alignment horizontal="left" vertical="center" wrapText="1"/>
    </xf>
    <xf numFmtId="0" fontId="32" fillId="0" borderId="32" xfId="0" applyFont="1" applyBorder="1" applyAlignment="1">
      <alignment horizontal="left" vertical="center" wrapText="1"/>
    </xf>
    <xf numFmtId="0" fontId="32" fillId="0" borderId="33" xfId="0" applyFont="1" applyBorder="1" applyAlignment="1">
      <alignment horizontal="left" vertical="center" wrapText="1"/>
    </xf>
    <xf numFmtId="38" fontId="32" fillId="0" borderId="60" xfId="6" applyFont="1" applyBorder="1" applyAlignment="1">
      <alignment horizontal="right" vertical="center"/>
    </xf>
    <xf numFmtId="38" fontId="32" fillId="0" borderId="72" xfId="6" applyFont="1" applyBorder="1" applyAlignment="1">
      <alignment horizontal="right" vertical="center"/>
    </xf>
    <xf numFmtId="0" fontId="16" fillId="0" borderId="60" xfId="0" applyFont="1" applyBorder="1" applyAlignment="1">
      <alignment horizontal="center" vertical="center"/>
    </xf>
    <xf numFmtId="0" fontId="16" fillId="0" borderId="76" xfId="0" applyFont="1" applyBorder="1" applyAlignment="1">
      <alignment horizontal="center" vertical="center"/>
    </xf>
    <xf numFmtId="0" fontId="16" fillId="0" borderId="72" xfId="0" applyFont="1" applyBorder="1" applyAlignment="1">
      <alignment horizontal="center" vertical="center"/>
    </xf>
    <xf numFmtId="38" fontId="32" fillId="0" borderId="60" xfId="6" applyFont="1" applyBorder="1" applyAlignment="1">
      <alignment horizontal="left" vertical="center"/>
    </xf>
    <xf numFmtId="38" fontId="32" fillId="0" borderId="72" xfId="6" applyFont="1" applyBorder="1" applyAlignment="1">
      <alignment horizontal="left" vertical="center"/>
    </xf>
    <xf numFmtId="38" fontId="32" fillId="0" borderId="3" xfId="6" applyFont="1" applyBorder="1" applyAlignment="1">
      <alignment horizontal="right" vertical="center"/>
    </xf>
    <xf numFmtId="38" fontId="32" fillId="0" borderId="18" xfId="6" applyFont="1" applyBorder="1" applyAlignment="1">
      <alignment horizontal="right" vertical="center"/>
    </xf>
    <xf numFmtId="38" fontId="32" fillId="0" borderId="73" xfId="6" applyFont="1" applyBorder="1" applyAlignment="1">
      <alignment horizontal="right" vertical="center"/>
    </xf>
    <xf numFmtId="38" fontId="32" fillId="0" borderId="75" xfId="6" applyFont="1" applyBorder="1" applyAlignment="1">
      <alignment horizontal="right" vertical="center"/>
    </xf>
    <xf numFmtId="38" fontId="32" fillId="0" borderId="3" xfId="6" applyFont="1" applyBorder="1" applyAlignment="1">
      <alignment horizontal="left" vertical="center"/>
    </xf>
    <xf numFmtId="38" fontId="32" fillId="0" borderId="18" xfId="6" applyFont="1" applyBorder="1" applyAlignment="1">
      <alignment horizontal="left" vertical="center"/>
    </xf>
    <xf numFmtId="0" fontId="16" fillId="0" borderId="73" xfId="0" applyFont="1" applyFill="1" applyBorder="1" applyAlignment="1">
      <alignment horizontal="left" vertical="center"/>
    </xf>
    <xf numFmtId="0" fontId="16" fillId="0" borderId="74" xfId="0" applyFont="1" applyFill="1" applyBorder="1" applyAlignment="1">
      <alignment horizontal="left" vertical="center"/>
    </xf>
    <xf numFmtId="0" fontId="16" fillId="0" borderId="75" xfId="0" applyFont="1" applyFill="1" applyBorder="1" applyAlignment="1">
      <alignment horizontal="left" vertical="center"/>
    </xf>
    <xf numFmtId="38" fontId="12" fillId="0" borderId="3" xfId="6" quotePrefix="1" applyFont="1" applyBorder="1" applyAlignment="1">
      <alignment horizontal="left" vertical="center"/>
    </xf>
    <xf numFmtId="38" fontId="12" fillId="0" borderId="18" xfId="6" applyFont="1" applyBorder="1" applyAlignment="1">
      <alignment horizontal="left" vertical="center"/>
    </xf>
    <xf numFmtId="38" fontId="43" fillId="0" borderId="98" xfId="7" applyFont="1" applyBorder="1" applyAlignment="1">
      <alignment horizontal="center" vertical="center"/>
    </xf>
    <xf numFmtId="38" fontId="43" fillId="0" borderId="99" xfId="7" applyFont="1" applyBorder="1" applyAlignment="1">
      <alignment horizontal="center" vertical="center"/>
    </xf>
    <xf numFmtId="38" fontId="43" fillId="0" borderId="93" xfId="7" applyFont="1" applyBorder="1" applyAlignment="1">
      <alignment horizontal="center" vertical="center"/>
    </xf>
    <xf numFmtId="38" fontId="43" fillId="4" borderId="39" xfId="7" applyFont="1" applyFill="1" applyBorder="1" applyAlignment="1">
      <alignment horizontal="center" vertical="center"/>
    </xf>
    <xf numFmtId="38" fontId="43" fillId="4" borderId="30" xfId="7" applyFont="1" applyFill="1" applyBorder="1" applyAlignment="1">
      <alignment horizontal="center" vertical="center"/>
    </xf>
    <xf numFmtId="38" fontId="43" fillId="4" borderId="5" xfId="7" applyFont="1" applyFill="1" applyBorder="1" applyAlignment="1">
      <alignment horizontal="center" vertical="center"/>
    </xf>
    <xf numFmtId="38" fontId="43" fillId="4" borderId="92" xfId="7" applyFont="1" applyFill="1" applyBorder="1" applyAlignment="1">
      <alignment horizontal="center" vertical="center"/>
    </xf>
    <xf numFmtId="38" fontId="43" fillId="4" borderId="94" xfId="7" applyFont="1" applyFill="1" applyBorder="1" applyAlignment="1">
      <alignment horizontal="center" vertical="center"/>
    </xf>
    <xf numFmtId="38" fontId="43" fillId="4" borderId="3" xfId="7" applyFont="1" applyFill="1" applyBorder="1" applyAlignment="1">
      <alignment horizontal="center" vertical="center"/>
    </xf>
    <xf numFmtId="0" fontId="0" fillId="0" borderId="18" xfId="0" applyBorder="1" applyAlignment="1">
      <alignment vertical="center"/>
    </xf>
    <xf numFmtId="38" fontId="43" fillId="4" borderId="54" xfId="7" applyFont="1" applyFill="1" applyBorder="1" applyAlignment="1">
      <alignment horizontal="center" vertical="center"/>
    </xf>
    <xf numFmtId="38" fontId="43" fillId="4" borderId="55" xfId="7" applyFont="1" applyFill="1" applyBorder="1" applyAlignment="1">
      <alignment horizontal="center" vertical="center"/>
    </xf>
    <xf numFmtId="38" fontId="43" fillId="4" borderId="91" xfId="7" applyFont="1" applyFill="1" applyBorder="1" applyAlignment="1">
      <alignment horizontal="center" vertical="center"/>
    </xf>
    <xf numFmtId="38" fontId="43" fillId="4" borderId="93" xfId="7" applyFont="1" applyFill="1" applyBorder="1" applyAlignment="1">
      <alignment horizontal="center" vertical="center"/>
    </xf>
    <xf numFmtId="38" fontId="43" fillId="6" borderId="8" xfId="7" applyFont="1" applyFill="1" applyBorder="1" applyAlignment="1">
      <alignment vertical="top" wrapText="1"/>
    </xf>
    <xf numFmtId="38" fontId="43" fillId="6" borderId="39" xfId="7" applyFont="1" applyFill="1" applyBorder="1" applyAlignment="1">
      <alignment vertical="top" wrapText="1"/>
    </xf>
    <xf numFmtId="38" fontId="43" fillId="6" borderId="53" xfId="7" applyFont="1" applyFill="1" applyBorder="1" applyAlignment="1">
      <alignment vertical="top" wrapText="1"/>
    </xf>
    <xf numFmtId="38" fontId="43" fillId="6" borderId="3" xfId="7" applyFont="1" applyFill="1" applyBorder="1" applyAlignment="1">
      <alignment horizontal="center" vertical="center"/>
    </xf>
    <xf numFmtId="38" fontId="43" fillId="6" borderId="17" xfId="7" applyFont="1" applyFill="1" applyBorder="1" applyAlignment="1">
      <alignment horizontal="center" vertical="center"/>
    </xf>
    <xf numFmtId="38" fontId="43" fillId="6" borderId="18" xfId="7" applyFont="1" applyFill="1" applyBorder="1" applyAlignment="1">
      <alignment horizontal="center" vertical="center"/>
    </xf>
    <xf numFmtId="38" fontId="43" fillId="6" borderId="27" xfId="7" applyFont="1" applyFill="1" applyBorder="1" applyAlignment="1">
      <alignment vertical="top" wrapText="1"/>
    </xf>
    <xf numFmtId="38" fontId="43" fillId="6" borderId="40" xfId="7" applyFont="1" applyFill="1" applyBorder="1" applyAlignment="1">
      <alignment vertical="top" wrapText="1"/>
    </xf>
    <xf numFmtId="38" fontId="43" fillId="0" borderId="8" xfId="7" applyFont="1" applyBorder="1" applyAlignment="1">
      <alignment vertical="center" wrapText="1"/>
    </xf>
    <xf numFmtId="38" fontId="43" fillId="0" borderId="53" xfId="7" applyFont="1" applyBorder="1" applyAlignment="1">
      <alignment vertical="center" wrapText="1"/>
    </xf>
    <xf numFmtId="38" fontId="43" fillId="4" borderId="17" xfId="7" applyFont="1" applyFill="1" applyBorder="1" applyAlignment="1">
      <alignment horizontal="center" vertical="center"/>
    </xf>
    <xf numFmtId="38" fontId="43" fillId="4" borderId="18" xfId="7" applyFont="1" applyFill="1" applyBorder="1" applyAlignment="1">
      <alignment horizontal="center" vertical="center"/>
    </xf>
    <xf numFmtId="38" fontId="43" fillId="0" borderId="27" xfId="7" applyFont="1" applyBorder="1" applyAlignment="1">
      <alignment vertical="center" wrapText="1"/>
    </xf>
    <xf numFmtId="38" fontId="43" fillId="0" borderId="40" xfId="7" applyFont="1" applyBorder="1" applyAlignment="1">
      <alignment vertical="center" wrapText="1"/>
    </xf>
    <xf numFmtId="38" fontId="43" fillId="4" borderId="98" xfId="7" applyFont="1" applyFill="1" applyBorder="1" applyAlignment="1">
      <alignment horizontal="center" vertical="center"/>
    </xf>
    <xf numFmtId="38" fontId="43" fillId="4" borderId="99" xfId="7" applyFont="1" applyFill="1" applyBorder="1" applyAlignment="1">
      <alignment horizontal="center" vertical="center"/>
    </xf>
    <xf numFmtId="38" fontId="43" fillId="6" borderId="54" xfId="7" applyFont="1" applyFill="1" applyBorder="1" applyAlignment="1">
      <alignment horizontal="center" vertical="center"/>
    </xf>
    <xf numFmtId="38" fontId="43" fillId="6" borderId="55" xfId="7" applyFont="1" applyFill="1" applyBorder="1" applyAlignment="1">
      <alignment horizontal="center" vertical="center"/>
    </xf>
    <xf numFmtId="38" fontId="43" fillId="6" borderId="91" xfId="7" applyFont="1" applyFill="1" applyBorder="1" applyAlignment="1">
      <alignment horizontal="center" vertical="center"/>
    </xf>
    <xf numFmtId="38" fontId="43" fillId="6" borderId="8" xfId="7" applyFont="1" applyFill="1" applyBorder="1" applyAlignment="1">
      <alignment horizontal="center" vertical="center"/>
    </xf>
    <xf numFmtId="38" fontId="43" fillId="6" borderId="96" xfId="7" applyFont="1" applyFill="1" applyBorder="1" applyAlignment="1">
      <alignment horizontal="center" vertical="center"/>
    </xf>
    <xf numFmtId="38" fontId="43" fillId="6" borderId="9" xfId="7" applyFont="1" applyFill="1" applyBorder="1" applyAlignment="1">
      <alignment horizontal="center" vertical="center"/>
    </xf>
    <xf numFmtId="38" fontId="43" fillId="0" borderId="86" xfId="7" applyFont="1" applyFill="1" applyBorder="1" applyAlignment="1">
      <alignment horizontal="center" vertical="center"/>
    </xf>
    <xf numFmtId="0" fontId="43" fillId="0" borderId="87" xfId="0" applyFont="1" applyBorder="1" applyAlignment="1">
      <alignment horizontal="center" vertical="center"/>
    </xf>
    <xf numFmtId="38" fontId="43" fillId="4" borderId="53" xfId="7" applyFont="1" applyFill="1" applyBorder="1" applyAlignment="1">
      <alignment vertical="top"/>
    </xf>
    <xf numFmtId="38" fontId="43" fillId="4" borderId="14" xfId="7" applyFont="1" applyFill="1" applyBorder="1" applyAlignment="1">
      <alignment vertical="top"/>
    </xf>
    <xf numFmtId="38" fontId="43" fillId="4" borderId="27" xfId="7" applyFont="1" applyFill="1" applyBorder="1" applyAlignment="1">
      <alignment horizontal="center" vertical="top"/>
    </xf>
    <xf numFmtId="38" fontId="43" fillId="4" borderId="39" xfId="7" applyFont="1" applyFill="1" applyBorder="1" applyAlignment="1">
      <alignment horizontal="center" vertical="top"/>
    </xf>
    <xf numFmtId="38" fontId="43" fillId="4" borderId="40" xfId="7" applyFont="1" applyFill="1" applyBorder="1" applyAlignment="1">
      <alignment horizontal="center" vertical="top"/>
    </xf>
    <xf numFmtId="0" fontId="0" fillId="0" borderId="77" xfId="0" applyBorder="1" applyAlignment="1">
      <alignment horizontal="left" vertical="center"/>
    </xf>
    <xf numFmtId="0" fontId="16" fillId="2" borderId="8" xfId="0" applyFont="1" applyFill="1" applyBorder="1" applyAlignment="1">
      <alignment horizontal="center" vertical="center"/>
    </xf>
    <xf numFmtId="0" fontId="16" fillId="2" borderId="53" xfId="0" applyFont="1" applyFill="1" applyBorder="1" applyAlignment="1">
      <alignment horizontal="center" vertical="center"/>
    </xf>
    <xf numFmtId="0" fontId="16" fillId="2" borderId="38" xfId="0" applyFont="1" applyFill="1" applyBorder="1" applyAlignment="1">
      <alignment horizontal="center" vertical="center"/>
    </xf>
    <xf numFmtId="0" fontId="16" fillId="2" borderId="35" xfId="0" applyFont="1" applyFill="1" applyBorder="1" applyAlignment="1">
      <alignment horizontal="center" vertical="center"/>
    </xf>
    <xf numFmtId="0" fontId="16" fillId="2" borderId="51" xfId="0" applyFont="1" applyFill="1" applyBorder="1" applyAlignment="1">
      <alignment horizontal="center" vertical="center"/>
    </xf>
    <xf numFmtId="0" fontId="16" fillId="2" borderId="9" xfId="0" applyFont="1" applyFill="1" applyBorder="1" applyAlignment="1">
      <alignment horizontal="center" vertical="center"/>
    </xf>
    <xf numFmtId="0" fontId="16" fillId="2" borderId="10" xfId="0" applyFont="1" applyFill="1" applyBorder="1" applyAlignment="1">
      <alignment horizontal="center" vertical="center"/>
    </xf>
    <xf numFmtId="0" fontId="16" fillId="2" borderId="79" xfId="0" applyFont="1" applyFill="1" applyBorder="1" applyAlignment="1">
      <alignment horizontal="center" vertical="center"/>
    </xf>
    <xf numFmtId="0" fontId="16" fillId="0" borderId="45" xfId="0" applyFont="1" applyFill="1" applyBorder="1" applyAlignment="1">
      <alignment horizontal="left" vertical="center"/>
    </xf>
    <xf numFmtId="0" fontId="16" fillId="0" borderId="2" xfId="0" applyFont="1" applyFill="1" applyBorder="1" applyAlignment="1">
      <alignment horizontal="left" vertical="center"/>
    </xf>
    <xf numFmtId="0" fontId="16" fillId="0" borderId="46" xfId="0" applyFont="1" applyFill="1" applyBorder="1" applyAlignment="1">
      <alignment horizontal="left" vertical="center"/>
    </xf>
    <xf numFmtId="0" fontId="16" fillId="0" borderId="31" xfId="0" applyFont="1" applyFill="1" applyBorder="1" applyAlignment="1">
      <alignment horizontal="center" vertical="center"/>
    </xf>
    <xf numFmtId="0" fontId="16" fillId="0" borderId="32" xfId="0" applyFont="1" applyFill="1" applyBorder="1" applyAlignment="1">
      <alignment horizontal="center" vertical="center"/>
    </xf>
    <xf numFmtId="0" fontId="16" fillId="0" borderId="33" xfId="0" applyFont="1" applyFill="1" applyBorder="1" applyAlignment="1">
      <alignment horizontal="center" vertical="center"/>
    </xf>
    <xf numFmtId="0" fontId="31" fillId="0" borderId="0" xfId="0" applyFont="1" applyAlignment="1">
      <alignment horizontal="center" vertical="center"/>
    </xf>
    <xf numFmtId="0" fontId="40" fillId="0" borderId="0" xfId="0" applyFont="1" applyAlignment="1">
      <alignment horizontal="center" vertical="center"/>
    </xf>
    <xf numFmtId="0" fontId="3" fillId="0" borderId="0" xfId="0" applyFont="1" applyAlignment="1">
      <alignment horizontal="left" vertical="center" wrapText="1" indent="1"/>
    </xf>
  </cellXfs>
  <cellStyles count="9">
    <cellStyle name="桁区切り" xfId="7" builtinId="6"/>
    <cellStyle name="桁区切り 2" xfId="1" xr:uid="{00000000-0005-0000-0000-000001000000}"/>
    <cellStyle name="桁区切り 3" xfId="6" xr:uid="{00000000-0005-0000-0000-000002000000}"/>
    <cellStyle name="標準" xfId="0" builtinId="0"/>
    <cellStyle name="標準 2" xfId="2" xr:uid="{00000000-0005-0000-0000-000004000000}"/>
    <cellStyle name="標準 2 2" xfId="3" xr:uid="{00000000-0005-0000-0000-000005000000}"/>
    <cellStyle name="標準 3" xfId="4" xr:uid="{00000000-0005-0000-0000-000006000000}"/>
    <cellStyle name="標準 4" xfId="5" xr:uid="{00000000-0005-0000-0000-000007000000}"/>
    <cellStyle name="標準 5" xfId="8" xr:uid="{00000000-0005-0000-0000-000008000000}"/>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externalLink" Target="externalLinks/externalLink1.xml"/><Relationship Id="rId2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3</xdr:col>
      <xdr:colOff>2247899</xdr:colOff>
      <xdr:row>0</xdr:row>
      <xdr:rowOff>57150</xdr:rowOff>
    </xdr:from>
    <xdr:to>
      <xdr:col>5</xdr:col>
      <xdr:colOff>209550</xdr:colOff>
      <xdr:row>1</xdr:row>
      <xdr:rowOff>7620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5454649" y="57150"/>
          <a:ext cx="996951" cy="311150"/>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200">
              <a:solidFill>
                <a:sysClr val="windowText" lastClr="000000"/>
              </a:solidFill>
            </a:rPr>
            <a:t>別　　紙</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F40"/>
  <sheetViews>
    <sheetView tabSelected="1" zoomScaleNormal="100" workbookViewId="0">
      <selection activeCell="A4" sqref="A4"/>
    </sheetView>
  </sheetViews>
  <sheetFormatPr defaultRowHeight="13"/>
  <cols>
    <col min="1" max="1" width="11.36328125" customWidth="1"/>
    <col min="2" max="2" width="3.453125" customWidth="1"/>
    <col min="3" max="3" width="31.08984375" style="24" customWidth="1"/>
    <col min="4" max="4" width="34.453125" style="22" customWidth="1"/>
    <col min="5" max="6" width="9" customWidth="1"/>
  </cols>
  <sheetData>
    <row r="1" spans="1:6" ht="23.25" customHeight="1">
      <c r="A1" s="301"/>
      <c r="B1" s="301"/>
      <c r="C1" s="301"/>
      <c r="D1" s="301"/>
      <c r="E1" s="301"/>
      <c r="F1" s="301"/>
    </row>
    <row r="2" spans="1:6" ht="24.75" customHeight="1">
      <c r="A2" s="249" t="s">
        <v>475</v>
      </c>
    </row>
    <row r="3" spans="1:6" ht="21" customHeight="1">
      <c r="A3" s="7" t="s">
        <v>7</v>
      </c>
      <c r="B3" s="7" t="s">
        <v>8</v>
      </c>
      <c r="C3" s="8" t="s">
        <v>9</v>
      </c>
      <c r="D3" s="6" t="s">
        <v>10</v>
      </c>
      <c r="E3" s="9" t="s">
        <v>11</v>
      </c>
      <c r="F3" s="9" t="s">
        <v>12</v>
      </c>
    </row>
    <row r="4" spans="1:6" ht="30.75" customHeight="1">
      <c r="A4" s="10" t="s">
        <v>13</v>
      </c>
      <c r="B4" s="11">
        <v>1</v>
      </c>
      <c r="C4" s="12" t="s">
        <v>14</v>
      </c>
      <c r="D4" s="12" t="s">
        <v>15</v>
      </c>
      <c r="E4" s="13" t="s">
        <v>474</v>
      </c>
      <c r="F4" s="14" t="s">
        <v>17</v>
      </c>
    </row>
    <row r="5" spans="1:6" ht="18" customHeight="1">
      <c r="A5" s="10"/>
      <c r="B5" s="11">
        <v>2</v>
      </c>
      <c r="C5" s="12" t="s">
        <v>18</v>
      </c>
      <c r="D5" s="12"/>
      <c r="E5" s="13" t="s">
        <v>474</v>
      </c>
      <c r="F5" s="14" t="s">
        <v>17</v>
      </c>
    </row>
    <row r="6" spans="1:6" ht="18" customHeight="1">
      <c r="A6" s="299" t="s">
        <v>19</v>
      </c>
      <c r="B6" s="15">
        <v>3</v>
      </c>
      <c r="C6" s="12" t="s">
        <v>20</v>
      </c>
      <c r="D6" s="12"/>
      <c r="E6" s="13" t="s">
        <v>16</v>
      </c>
      <c r="F6" s="14" t="s">
        <v>17</v>
      </c>
    </row>
    <row r="7" spans="1:6" ht="18" customHeight="1">
      <c r="A7" s="302"/>
      <c r="B7" s="11">
        <v>4</v>
      </c>
      <c r="C7" s="12" t="s">
        <v>21</v>
      </c>
      <c r="D7" s="12" t="s">
        <v>22</v>
      </c>
      <c r="E7" s="13" t="s">
        <v>16</v>
      </c>
      <c r="F7" s="14" t="s">
        <v>17</v>
      </c>
    </row>
    <row r="8" spans="1:6" ht="18" customHeight="1">
      <c r="A8" s="302"/>
      <c r="B8" s="11">
        <v>5</v>
      </c>
      <c r="C8" s="12" t="s">
        <v>446</v>
      </c>
      <c r="D8" s="12" t="s">
        <v>22</v>
      </c>
      <c r="E8" s="13" t="s">
        <v>16</v>
      </c>
      <c r="F8" s="14" t="s">
        <v>17</v>
      </c>
    </row>
    <row r="9" spans="1:6" ht="36">
      <c r="A9" s="10"/>
      <c r="B9" s="11">
        <v>6</v>
      </c>
      <c r="C9" s="12" t="s">
        <v>23</v>
      </c>
      <c r="D9" s="12" t="s">
        <v>311</v>
      </c>
      <c r="E9" s="13" t="s">
        <v>16</v>
      </c>
      <c r="F9" s="14" t="s">
        <v>17</v>
      </c>
    </row>
    <row r="10" spans="1:6" ht="18" customHeight="1">
      <c r="A10" s="10"/>
      <c r="B10" s="11">
        <v>7</v>
      </c>
      <c r="C10" s="12" t="s">
        <v>24</v>
      </c>
      <c r="D10" s="12" t="s">
        <v>25</v>
      </c>
      <c r="E10" s="13" t="s">
        <v>16</v>
      </c>
      <c r="F10" s="14" t="s">
        <v>17</v>
      </c>
    </row>
    <row r="11" spans="1:6" ht="18" customHeight="1">
      <c r="A11" s="10"/>
      <c r="B11" s="11">
        <v>8</v>
      </c>
      <c r="C11" s="12" t="s">
        <v>26</v>
      </c>
      <c r="D11" s="12"/>
      <c r="E11" s="13" t="s">
        <v>16</v>
      </c>
      <c r="F11" s="14" t="s">
        <v>17</v>
      </c>
    </row>
    <row r="12" spans="1:6" ht="18" customHeight="1">
      <c r="A12" s="10"/>
      <c r="B12" s="11">
        <v>9</v>
      </c>
      <c r="C12" s="16" t="s">
        <v>27</v>
      </c>
      <c r="D12" s="16"/>
      <c r="E12" s="13" t="s">
        <v>16</v>
      </c>
      <c r="F12" s="14" t="s">
        <v>17</v>
      </c>
    </row>
    <row r="13" spans="1:6" ht="14.25" customHeight="1">
      <c r="A13" s="10"/>
      <c r="B13" s="11">
        <v>10</v>
      </c>
      <c r="C13" s="12" t="s">
        <v>308</v>
      </c>
      <c r="D13" s="16" t="s">
        <v>25</v>
      </c>
      <c r="E13" s="13" t="s">
        <v>16</v>
      </c>
      <c r="F13" s="14" t="s">
        <v>17</v>
      </c>
    </row>
    <row r="14" spans="1:6" ht="18" customHeight="1">
      <c r="A14" s="299" t="s">
        <v>28</v>
      </c>
      <c r="B14" s="11">
        <v>11</v>
      </c>
      <c r="C14" s="12" t="s">
        <v>313</v>
      </c>
      <c r="D14" s="12"/>
      <c r="E14" s="13" t="s">
        <v>16</v>
      </c>
      <c r="F14" s="14" t="s">
        <v>17</v>
      </c>
    </row>
    <row r="15" spans="1:6" ht="18" customHeight="1">
      <c r="A15" s="303"/>
      <c r="B15" s="11">
        <v>12</v>
      </c>
      <c r="C15" s="12" t="s">
        <v>314</v>
      </c>
      <c r="D15" s="12"/>
      <c r="E15" s="13" t="s">
        <v>16</v>
      </c>
      <c r="F15" s="14" t="s">
        <v>17</v>
      </c>
    </row>
    <row r="16" spans="1:6" ht="18" customHeight="1">
      <c r="A16" s="17"/>
      <c r="B16" s="11">
        <v>13</v>
      </c>
      <c r="C16" s="12" t="s">
        <v>447</v>
      </c>
      <c r="D16" s="12"/>
      <c r="E16" s="13" t="s">
        <v>16</v>
      </c>
      <c r="F16" s="14" t="s">
        <v>17</v>
      </c>
    </row>
    <row r="17" spans="1:6" ht="18" customHeight="1">
      <c r="A17" s="18"/>
      <c r="B17" s="15">
        <v>14</v>
      </c>
      <c r="C17" s="16" t="s">
        <v>29</v>
      </c>
      <c r="D17" s="12" t="s">
        <v>22</v>
      </c>
      <c r="E17" s="13" t="s">
        <v>16</v>
      </c>
      <c r="F17" s="14" t="s">
        <v>17</v>
      </c>
    </row>
    <row r="18" spans="1:6" ht="18" customHeight="1">
      <c r="A18" s="302" t="s">
        <v>30</v>
      </c>
      <c r="B18" s="11">
        <v>15</v>
      </c>
      <c r="C18" s="12" t="s">
        <v>315</v>
      </c>
      <c r="D18" s="12"/>
      <c r="E18" s="13" t="s">
        <v>16</v>
      </c>
      <c r="F18" s="14" t="s">
        <v>17</v>
      </c>
    </row>
    <row r="19" spans="1:6" ht="36">
      <c r="A19" s="302"/>
      <c r="B19" s="11">
        <v>16</v>
      </c>
      <c r="C19" s="12" t="s">
        <v>31</v>
      </c>
      <c r="D19" s="12" t="s">
        <v>448</v>
      </c>
      <c r="E19" s="13" t="s">
        <v>16</v>
      </c>
      <c r="F19" s="14" t="s">
        <v>17</v>
      </c>
    </row>
    <row r="20" spans="1:6" ht="18" customHeight="1">
      <c r="A20" s="10"/>
      <c r="B20" s="11">
        <v>17</v>
      </c>
      <c r="C20" s="12" t="s">
        <v>32</v>
      </c>
      <c r="D20" s="12" t="s">
        <v>33</v>
      </c>
      <c r="E20" s="13" t="s">
        <v>16</v>
      </c>
      <c r="F20" s="14" t="s">
        <v>17</v>
      </c>
    </row>
    <row r="21" spans="1:6" ht="24">
      <c r="A21" s="10"/>
      <c r="B21" s="11">
        <v>18</v>
      </c>
      <c r="C21" s="12" t="s">
        <v>34</v>
      </c>
      <c r="D21" s="12" t="s">
        <v>35</v>
      </c>
      <c r="E21" s="13" t="s">
        <v>16</v>
      </c>
      <c r="F21" s="14" t="s">
        <v>17</v>
      </c>
    </row>
    <row r="22" spans="1:6" ht="18" customHeight="1">
      <c r="A22" s="10"/>
      <c r="B22" s="11">
        <v>19</v>
      </c>
      <c r="C22" s="12" t="s">
        <v>36</v>
      </c>
      <c r="D22" s="12" t="s">
        <v>37</v>
      </c>
      <c r="E22" s="13" t="s">
        <v>16</v>
      </c>
      <c r="F22" s="14" t="s">
        <v>17</v>
      </c>
    </row>
    <row r="23" spans="1:6" ht="24">
      <c r="A23" s="10"/>
      <c r="B23" s="11">
        <v>20</v>
      </c>
      <c r="C23" s="12" t="s">
        <v>38</v>
      </c>
      <c r="D23" s="12" t="s">
        <v>39</v>
      </c>
      <c r="E23" s="13" t="s">
        <v>16</v>
      </c>
      <c r="F23" s="14" t="s">
        <v>17</v>
      </c>
    </row>
    <row r="24" spans="1:6" ht="18" customHeight="1">
      <c r="A24" s="10"/>
      <c r="B24" s="11">
        <v>21</v>
      </c>
      <c r="C24" s="12" t="s">
        <v>40</v>
      </c>
      <c r="D24" s="12" t="s">
        <v>41</v>
      </c>
      <c r="E24" s="13" t="s">
        <v>16</v>
      </c>
      <c r="F24" s="14" t="s">
        <v>17</v>
      </c>
    </row>
    <row r="25" spans="1:6" ht="24">
      <c r="A25" s="10"/>
      <c r="B25" s="11">
        <v>22</v>
      </c>
      <c r="C25" s="12" t="s">
        <v>42</v>
      </c>
      <c r="D25" s="12" t="s">
        <v>43</v>
      </c>
      <c r="E25" s="13" t="s">
        <v>16</v>
      </c>
      <c r="F25" s="14" t="s">
        <v>17</v>
      </c>
    </row>
    <row r="26" spans="1:6" ht="18" customHeight="1">
      <c r="A26" s="10"/>
      <c r="B26" s="11">
        <v>23</v>
      </c>
      <c r="C26" s="12" t="s">
        <v>316</v>
      </c>
      <c r="D26" s="12"/>
      <c r="E26" s="13" t="s">
        <v>16</v>
      </c>
      <c r="F26" s="14" t="s">
        <v>17</v>
      </c>
    </row>
    <row r="27" spans="1:6" ht="18" customHeight="1">
      <c r="A27" s="10"/>
      <c r="B27" s="11">
        <v>24</v>
      </c>
      <c r="C27" s="12" t="s">
        <v>317</v>
      </c>
      <c r="D27" s="12"/>
      <c r="E27" s="13" t="s">
        <v>16</v>
      </c>
      <c r="F27" s="14" t="s">
        <v>17</v>
      </c>
    </row>
    <row r="28" spans="1:6" ht="18" customHeight="1">
      <c r="A28" s="10"/>
      <c r="B28" s="15">
        <v>25</v>
      </c>
      <c r="C28" s="12" t="s">
        <v>318</v>
      </c>
      <c r="D28" s="12"/>
      <c r="E28" s="13" t="s">
        <v>16</v>
      </c>
      <c r="F28" s="14" t="s">
        <v>17</v>
      </c>
    </row>
    <row r="29" spans="1:6" ht="24">
      <c r="A29" s="10"/>
      <c r="B29" s="11">
        <v>26</v>
      </c>
      <c r="C29" s="12" t="s">
        <v>310</v>
      </c>
      <c r="D29" s="12" t="s">
        <v>309</v>
      </c>
      <c r="E29" s="13" t="s">
        <v>16</v>
      </c>
      <c r="F29" s="14" t="s">
        <v>17</v>
      </c>
    </row>
    <row r="30" spans="1:6" ht="24">
      <c r="A30" s="10"/>
      <c r="B30" s="11">
        <v>27</v>
      </c>
      <c r="C30" s="12" t="s">
        <v>44</v>
      </c>
      <c r="D30" s="12" t="s">
        <v>45</v>
      </c>
      <c r="E30" s="13" t="s">
        <v>16</v>
      </c>
      <c r="F30" s="14" t="s">
        <v>17</v>
      </c>
    </row>
    <row r="31" spans="1:6" ht="75.75" customHeight="1">
      <c r="A31" s="10"/>
      <c r="B31" s="11">
        <v>28</v>
      </c>
      <c r="C31" s="12" t="s">
        <v>46</v>
      </c>
      <c r="D31" s="12" t="s">
        <v>312</v>
      </c>
      <c r="E31" s="13" t="s">
        <v>16</v>
      </c>
      <c r="F31" s="14" t="s">
        <v>17</v>
      </c>
    </row>
    <row r="32" spans="1:6" ht="18" customHeight="1">
      <c r="A32" s="299" t="s">
        <v>47</v>
      </c>
      <c r="B32" s="11">
        <v>29</v>
      </c>
      <c r="C32" s="12" t="s">
        <v>319</v>
      </c>
      <c r="D32" s="12"/>
      <c r="E32" s="13" t="s">
        <v>16</v>
      </c>
      <c r="F32" s="14" t="s">
        <v>17</v>
      </c>
    </row>
    <row r="33" spans="1:6" ht="18" customHeight="1">
      <c r="A33" s="300"/>
      <c r="B33" s="11">
        <v>30</v>
      </c>
      <c r="C33" s="16" t="s">
        <v>449</v>
      </c>
      <c r="D33" s="12" t="s">
        <v>22</v>
      </c>
      <c r="E33" s="13" t="s">
        <v>16</v>
      </c>
      <c r="F33" s="14" t="s">
        <v>17</v>
      </c>
    </row>
    <row r="34" spans="1:6" ht="18" customHeight="1">
      <c r="A34" s="19" t="s">
        <v>49</v>
      </c>
      <c r="B34" s="19"/>
      <c r="C34" s="12"/>
      <c r="D34" s="12" t="s">
        <v>50</v>
      </c>
      <c r="E34" s="13" t="s">
        <v>16</v>
      </c>
      <c r="F34" s="14" t="s">
        <v>17</v>
      </c>
    </row>
    <row r="35" spans="1:6" s="4" customFormat="1" ht="15" customHeight="1">
      <c r="A35" s="20" t="s">
        <v>51</v>
      </c>
      <c r="B35" s="21"/>
      <c r="C35" s="22"/>
      <c r="D35" s="22"/>
      <c r="E35" s="21"/>
      <c r="F35" s="21"/>
    </row>
    <row r="36" spans="1:6" s="4" customFormat="1" ht="15" customHeight="1">
      <c r="A36" s="21"/>
      <c r="B36" s="21"/>
      <c r="C36" s="22"/>
      <c r="D36" s="22"/>
      <c r="E36" s="21"/>
      <c r="F36" s="21"/>
    </row>
    <row r="37" spans="1:6" s="4" customFormat="1" ht="15" customHeight="1">
      <c r="C37" s="23"/>
      <c r="D37" s="22"/>
    </row>
    <row r="38" spans="1:6" s="4" customFormat="1" ht="15" customHeight="1">
      <c r="C38" s="23"/>
      <c r="D38" s="22"/>
    </row>
    <row r="39" spans="1:6" ht="15" customHeight="1"/>
    <row r="40" spans="1:6" ht="15" customHeight="1"/>
  </sheetData>
  <mergeCells count="5">
    <mergeCell ref="A32:A33"/>
    <mergeCell ref="A1:F1"/>
    <mergeCell ref="A6:A8"/>
    <mergeCell ref="A14:A15"/>
    <mergeCell ref="A18:A19"/>
  </mergeCells>
  <phoneticPr fontId="4"/>
  <pageMargins left="0.47244094488188981" right="0.27559055118110237" top="0.82677165354330717" bottom="0.35433070866141736" header="0.31496062992125984" footer="0.31496062992125984"/>
  <pageSetup paperSize="9" scale="90"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FFFF00"/>
  </sheetPr>
  <dimension ref="A1:H70"/>
  <sheetViews>
    <sheetView topLeftCell="A60" zoomScaleNormal="100" zoomScaleSheetLayoutView="85" workbookViewId="0">
      <selection activeCell="E30" sqref="E30"/>
    </sheetView>
  </sheetViews>
  <sheetFormatPr defaultRowHeight="13"/>
  <cols>
    <col min="1" max="1" width="11.36328125" style="4" customWidth="1"/>
    <col min="2" max="7" width="11.08984375" style="4" customWidth="1"/>
    <col min="8" max="8" width="12" style="4" customWidth="1"/>
    <col min="9" max="256" width="9" style="4"/>
    <col min="257" max="257" width="11.36328125" style="4" customWidth="1"/>
    <col min="258" max="263" width="11.08984375" style="4" customWidth="1"/>
    <col min="264" max="264" width="12" style="4" customWidth="1"/>
    <col min="265" max="512" width="9" style="4"/>
    <col min="513" max="513" width="11.36328125" style="4" customWidth="1"/>
    <col min="514" max="519" width="11.08984375" style="4" customWidth="1"/>
    <col min="520" max="520" width="12" style="4" customWidth="1"/>
    <col min="521" max="768" width="9" style="4"/>
    <col min="769" max="769" width="11.36328125" style="4" customWidth="1"/>
    <col min="770" max="775" width="11.08984375" style="4" customWidth="1"/>
    <col min="776" max="776" width="12" style="4" customWidth="1"/>
    <col min="777" max="1024" width="9" style="4"/>
    <col min="1025" max="1025" width="11.36328125" style="4" customWidth="1"/>
    <col min="1026" max="1031" width="11.08984375" style="4" customWidth="1"/>
    <col min="1032" max="1032" width="12" style="4" customWidth="1"/>
    <col min="1033" max="1280" width="9" style="4"/>
    <col min="1281" max="1281" width="11.36328125" style="4" customWidth="1"/>
    <col min="1282" max="1287" width="11.08984375" style="4" customWidth="1"/>
    <col min="1288" max="1288" width="12" style="4" customWidth="1"/>
    <col min="1289" max="1536" width="9" style="4"/>
    <col min="1537" max="1537" width="11.36328125" style="4" customWidth="1"/>
    <col min="1538" max="1543" width="11.08984375" style="4" customWidth="1"/>
    <col min="1544" max="1544" width="12" style="4" customWidth="1"/>
    <col min="1545" max="1792" width="9" style="4"/>
    <col min="1793" max="1793" width="11.36328125" style="4" customWidth="1"/>
    <col min="1794" max="1799" width="11.08984375" style="4" customWidth="1"/>
    <col min="1800" max="1800" width="12" style="4" customWidth="1"/>
    <col min="1801" max="2048" width="9" style="4"/>
    <col min="2049" max="2049" width="11.36328125" style="4" customWidth="1"/>
    <col min="2050" max="2055" width="11.08984375" style="4" customWidth="1"/>
    <col min="2056" max="2056" width="12" style="4" customWidth="1"/>
    <col min="2057" max="2304" width="9" style="4"/>
    <col min="2305" max="2305" width="11.36328125" style="4" customWidth="1"/>
    <col min="2306" max="2311" width="11.08984375" style="4" customWidth="1"/>
    <col min="2312" max="2312" width="12" style="4" customWidth="1"/>
    <col min="2313" max="2560" width="9" style="4"/>
    <col min="2561" max="2561" width="11.36328125" style="4" customWidth="1"/>
    <col min="2562" max="2567" width="11.08984375" style="4" customWidth="1"/>
    <col min="2568" max="2568" width="12" style="4" customWidth="1"/>
    <col min="2569" max="2816" width="9" style="4"/>
    <col min="2817" max="2817" width="11.36328125" style="4" customWidth="1"/>
    <col min="2818" max="2823" width="11.08984375" style="4" customWidth="1"/>
    <col min="2824" max="2824" width="12" style="4" customWidth="1"/>
    <col min="2825" max="3072" width="9" style="4"/>
    <col min="3073" max="3073" width="11.36328125" style="4" customWidth="1"/>
    <col min="3074" max="3079" width="11.08984375" style="4" customWidth="1"/>
    <col min="3080" max="3080" width="12" style="4" customWidth="1"/>
    <col min="3081" max="3328" width="9" style="4"/>
    <col min="3329" max="3329" width="11.36328125" style="4" customWidth="1"/>
    <col min="3330" max="3335" width="11.08984375" style="4" customWidth="1"/>
    <col min="3336" max="3336" width="12" style="4" customWidth="1"/>
    <col min="3337" max="3584" width="9" style="4"/>
    <col min="3585" max="3585" width="11.36328125" style="4" customWidth="1"/>
    <col min="3586" max="3591" width="11.08984375" style="4" customWidth="1"/>
    <col min="3592" max="3592" width="12" style="4" customWidth="1"/>
    <col min="3593" max="3840" width="9" style="4"/>
    <col min="3841" max="3841" width="11.36328125" style="4" customWidth="1"/>
    <col min="3842" max="3847" width="11.08984375" style="4" customWidth="1"/>
    <col min="3848" max="3848" width="12" style="4" customWidth="1"/>
    <col min="3849" max="4096" width="9" style="4"/>
    <col min="4097" max="4097" width="11.36328125" style="4" customWidth="1"/>
    <col min="4098" max="4103" width="11.08984375" style="4" customWidth="1"/>
    <col min="4104" max="4104" width="12" style="4" customWidth="1"/>
    <col min="4105" max="4352" width="9" style="4"/>
    <col min="4353" max="4353" width="11.36328125" style="4" customWidth="1"/>
    <col min="4354" max="4359" width="11.08984375" style="4" customWidth="1"/>
    <col min="4360" max="4360" width="12" style="4" customWidth="1"/>
    <col min="4361" max="4608" width="9" style="4"/>
    <col min="4609" max="4609" width="11.36328125" style="4" customWidth="1"/>
    <col min="4610" max="4615" width="11.08984375" style="4" customWidth="1"/>
    <col min="4616" max="4616" width="12" style="4" customWidth="1"/>
    <col min="4617" max="4864" width="9" style="4"/>
    <col min="4865" max="4865" width="11.36328125" style="4" customWidth="1"/>
    <col min="4866" max="4871" width="11.08984375" style="4" customWidth="1"/>
    <col min="4872" max="4872" width="12" style="4" customWidth="1"/>
    <col min="4873" max="5120" width="9" style="4"/>
    <col min="5121" max="5121" width="11.36328125" style="4" customWidth="1"/>
    <col min="5122" max="5127" width="11.08984375" style="4" customWidth="1"/>
    <col min="5128" max="5128" width="12" style="4" customWidth="1"/>
    <col min="5129" max="5376" width="9" style="4"/>
    <col min="5377" max="5377" width="11.36328125" style="4" customWidth="1"/>
    <col min="5378" max="5383" width="11.08984375" style="4" customWidth="1"/>
    <col min="5384" max="5384" width="12" style="4" customWidth="1"/>
    <col min="5385" max="5632" width="9" style="4"/>
    <col min="5633" max="5633" width="11.36328125" style="4" customWidth="1"/>
    <col min="5634" max="5639" width="11.08984375" style="4" customWidth="1"/>
    <col min="5640" max="5640" width="12" style="4" customWidth="1"/>
    <col min="5641" max="5888" width="9" style="4"/>
    <col min="5889" max="5889" width="11.36328125" style="4" customWidth="1"/>
    <col min="5890" max="5895" width="11.08984375" style="4" customWidth="1"/>
    <col min="5896" max="5896" width="12" style="4" customWidth="1"/>
    <col min="5897" max="6144" width="9" style="4"/>
    <col min="6145" max="6145" width="11.36328125" style="4" customWidth="1"/>
    <col min="6146" max="6151" width="11.08984375" style="4" customWidth="1"/>
    <col min="6152" max="6152" width="12" style="4" customWidth="1"/>
    <col min="6153" max="6400" width="9" style="4"/>
    <col min="6401" max="6401" width="11.36328125" style="4" customWidth="1"/>
    <col min="6402" max="6407" width="11.08984375" style="4" customWidth="1"/>
    <col min="6408" max="6408" width="12" style="4" customWidth="1"/>
    <col min="6409" max="6656" width="9" style="4"/>
    <col min="6657" max="6657" width="11.36328125" style="4" customWidth="1"/>
    <col min="6658" max="6663" width="11.08984375" style="4" customWidth="1"/>
    <col min="6664" max="6664" width="12" style="4" customWidth="1"/>
    <col min="6665" max="6912" width="9" style="4"/>
    <col min="6913" max="6913" width="11.36328125" style="4" customWidth="1"/>
    <col min="6914" max="6919" width="11.08984375" style="4" customWidth="1"/>
    <col min="6920" max="6920" width="12" style="4" customWidth="1"/>
    <col min="6921" max="7168" width="9" style="4"/>
    <col min="7169" max="7169" width="11.36328125" style="4" customWidth="1"/>
    <col min="7170" max="7175" width="11.08984375" style="4" customWidth="1"/>
    <col min="7176" max="7176" width="12" style="4" customWidth="1"/>
    <col min="7177" max="7424" width="9" style="4"/>
    <col min="7425" max="7425" width="11.36328125" style="4" customWidth="1"/>
    <col min="7426" max="7431" width="11.08984375" style="4" customWidth="1"/>
    <col min="7432" max="7432" width="12" style="4" customWidth="1"/>
    <col min="7433" max="7680" width="9" style="4"/>
    <col min="7681" max="7681" width="11.36328125" style="4" customWidth="1"/>
    <col min="7682" max="7687" width="11.08984375" style="4" customWidth="1"/>
    <col min="7688" max="7688" width="12" style="4" customWidth="1"/>
    <col min="7689" max="7936" width="9" style="4"/>
    <col min="7937" max="7937" width="11.36328125" style="4" customWidth="1"/>
    <col min="7938" max="7943" width="11.08984375" style="4" customWidth="1"/>
    <col min="7944" max="7944" width="12" style="4" customWidth="1"/>
    <col min="7945" max="8192" width="9" style="4"/>
    <col min="8193" max="8193" width="11.36328125" style="4" customWidth="1"/>
    <col min="8194" max="8199" width="11.08984375" style="4" customWidth="1"/>
    <col min="8200" max="8200" width="12" style="4" customWidth="1"/>
    <col min="8201" max="8448" width="9" style="4"/>
    <col min="8449" max="8449" width="11.36328125" style="4" customWidth="1"/>
    <col min="8450" max="8455" width="11.08984375" style="4" customWidth="1"/>
    <col min="8456" max="8456" width="12" style="4" customWidth="1"/>
    <col min="8457" max="8704" width="9" style="4"/>
    <col min="8705" max="8705" width="11.36328125" style="4" customWidth="1"/>
    <col min="8706" max="8711" width="11.08984375" style="4" customWidth="1"/>
    <col min="8712" max="8712" width="12" style="4" customWidth="1"/>
    <col min="8713" max="8960" width="9" style="4"/>
    <col min="8961" max="8961" width="11.36328125" style="4" customWidth="1"/>
    <col min="8962" max="8967" width="11.08984375" style="4" customWidth="1"/>
    <col min="8968" max="8968" width="12" style="4" customWidth="1"/>
    <col min="8969" max="9216" width="9" style="4"/>
    <col min="9217" max="9217" width="11.36328125" style="4" customWidth="1"/>
    <col min="9218" max="9223" width="11.08984375" style="4" customWidth="1"/>
    <col min="9224" max="9224" width="12" style="4" customWidth="1"/>
    <col min="9225" max="9472" width="9" style="4"/>
    <col min="9473" max="9473" width="11.36328125" style="4" customWidth="1"/>
    <col min="9474" max="9479" width="11.08984375" style="4" customWidth="1"/>
    <col min="9480" max="9480" width="12" style="4" customWidth="1"/>
    <col min="9481" max="9728" width="9" style="4"/>
    <col min="9729" max="9729" width="11.36328125" style="4" customWidth="1"/>
    <col min="9730" max="9735" width="11.08984375" style="4" customWidth="1"/>
    <col min="9736" max="9736" width="12" style="4" customWidth="1"/>
    <col min="9737" max="9984" width="9" style="4"/>
    <col min="9985" max="9985" width="11.36328125" style="4" customWidth="1"/>
    <col min="9986" max="9991" width="11.08984375" style="4" customWidth="1"/>
    <col min="9992" max="9992" width="12" style="4" customWidth="1"/>
    <col min="9993" max="10240" width="9" style="4"/>
    <col min="10241" max="10241" width="11.36328125" style="4" customWidth="1"/>
    <col min="10242" max="10247" width="11.08984375" style="4" customWidth="1"/>
    <col min="10248" max="10248" width="12" style="4" customWidth="1"/>
    <col min="10249" max="10496" width="9" style="4"/>
    <col min="10497" max="10497" width="11.36328125" style="4" customWidth="1"/>
    <col min="10498" max="10503" width="11.08984375" style="4" customWidth="1"/>
    <col min="10504" max="10504" width="12" style="4" customWidth="1"/>
    <col min="10505" max="10752" width="9" style="4"/>
    <col min="10753" max="10753" width="11.36328125" style="4" customWidth="1"/>
    <col min="10754" max="10759" width="11.08984375" style="4" customWidth="1"/>
    <col min="10760" max="10760" width="12" style="4" customWidth="1"/>
    <col min="10761" max="11008" width="9" style="4"/>
    <col min="11009" max="11009" width="11.36328125" style="4" customWidth="1"/>
    <col min="11010" max="11015" width="11.08984375" style="4" customWidth="1"/>
    <col min="11016" max="11016" width="12" style="4" customWidth="1"/>
    <col min="11017" max="11264" width="9" style="4"/>
    <col min="11265" max="11265" width="11.36328125" style="4" customWidth="1"/>
    <col min="11266" max="11271" width="11.08984375" style="4" customWidth="1"/>
    <col min="11272" max="11272" width="12" style="4" customWidth="1"/>
    <col min="11273" max="11520" width="9" style="4"/>
    <col min="11521" max="11521" width="11.36328125" style="4" customWidth="1"/>
    <col min="11522" max="11527" width="11.08984375" style="4" customWidth="1"/>
    <col min="11528" max="11528" width="12" style="4" customWidth="1"/>
    <col min="11529" max="11776" width="9" style="4"/>
    <col min="11777" max="11777" width="11.36328125" style="4" customWidth="1"/>
    <col min="11778" max="11783" width="11.08984375" style="4" customWidth="1"/>
    <col min="11784" max="11784" width="12" style="4" customWidth="1"/>
    <col min="11785" max="12032" width="9" style="4"/>
    <col min="12033" max="12033" width="11.36328125" style="4" customWidth="1"/>
    <col min="12034" max="12039" width="11.08984375" style="4" customWidth="1"/>
    <col min="12040" max="12040" width="12" style="4" customWidth="1"/>
    <col min="12041" max="12288" width="9" style="4"/>
    <col min="12289" max="12289" width="11.36328125" style="4" customWidth="1"/>
    <col min="12290" max="12295" width="11.08984375" style="4" customWidth="1"/>
    <col min="12296" max="12296" width="12" style="4" customWidth="1"/>
    <col min="12297" max="12544" width="9" style="4"/>
    <col min="12545" max="12545" width="11.36328125" style="4" customWidth="1"/>
    <col min="12546" max="12551" width="11.08984375" style="4" customWidth="1"/>
    <col min="12552" max="12552" width="12" style="4" customWidth="1"/>
    <col min="12553" max="12800" width="9" style="4"/>
    <col min="12801" max="12801" width="11.36328125" style="4" customWidth="1"/>
    <col min="12802" max="12807" width="11.08984375" style="4" customWidth="1"/>
    <col min="12808" max="12808" width="12" style="4" customWidth="1"/>
    <col min="12809" max="13056" width="9" style="4"/>
    <col min="13057" max="13057" width="11.36328125" style="4" customWidth="1"/>
    <col min="13058" max="13063" width="11.08984375" style="4" customWidth="1"/>
    <col min="13064" max="13064" width="12" style="4" customWidth="1"/>
    <col min="13065" max="13312" width="9" style="4"/>
    <col min="13313" max="13313" width="11.36328125" style="4" customWidth="1"/>
    <col min="13314" max="13319" width="11.08984375" style="4" customWidth="1"/>
    <col min="13320" max="13320" width="12" style="4" customWidth="1"/>
    <col min="13321" max="13568" width="9" style="4"/>
    <col min="13569" max="13569" width="11.36328125" style="4" customWidth="1"/>
    <col min="13570" max="13575" width="11.08984375" style="4" customWidth="1"/>
    <col min="13576" max="13576" width="12" style="4" customWidth="1"/>
    <col min="13577" max="13824" width="9" style="4"/>
    <col min="13825" max="13825" width="11.36328125" style="4" customWidth="1"/>
    <col min="13826" max="13831" width="11.08984375" style="4" customWidth="1"/>
    <col min="13832" max="13832" width="12" style="4" customWidth="1"/>
    <col min="13833" max="14080" width="9" style="4"/>
    <col min="14081" max="14081" width="11.36328125" style="4" customWidth="1"/>
    <col min="14082" max="14087" width="11.08984375" style="4" customWidth="1"/>
    <col min="14088" max="14088" width="12" style="4" customWidth="1"/>
    <col min="14089" max="14336" width="9" style="4"/>
    <col min="14337" max="14337" width="11.36328125" style="4" customWidth="1"/>
    <col min="14338" max="14343" width="11.08984375" style="4" customWidth="1"/>
    <col min="14344" max="14344" width="12" style="4" customWidth="1"/>
    <col min="14345" max="14592" width="9" style="4"/>
    <col min="14593" max="14593" width="11.36328125" style="4" customWidth="1"/>
    <col min="14594" max="14599" width="11.08984375" style="4" customWidth="1"/>
    <col min="14600" max="14600" width="12" style="4" customWidth="1"/>
    <col min="14601" max="14848" width="9" style="4"/>
    <col min="14849" max="14849" width="11.36328125" style="4" customWidth="1"/>
    <col min="14850" max="14855" width="11.08984375" style="4" customWidth="1"/>
    <col min="14856" max="14856" width="12" style="4" customWidth="1"/>
    <col min="14857" max="15104" width="9" style="4"/>
    <col min="15105" max="15105" width="11.36328125" style="4" customWidth="1"/>
    <col min="15106" max="15111" width="11.08984375" style="4" customWidth="1"/>
    <col min="15112" max="15112" width="12" style="4" customWidth="1"/>
    <col min="15113" max="15360" width="9" style="4"/>
    <col min="15361" max="15361" width="11.36328125" style="4" customWidth="1"/>
    <col min="15362" max="15367" width="11.08984375" style="4" customWidth="1"/>
    <col min="15368" max="15368" width="12" style="4" customWidth="1"/>
    <col min="15369" max="15616" width="9" style="4"/>
    <col min="15617" max="15617" width="11.36328125" style="4" customWidth="1"/>
    <col min="15618" max="15623" width="11.08984375" style="4" customWidth="1"/>
    <col min="15624" max="15624" width="12" style="4" customWidth="1"/>
    <col min="15625" max="15872" width="9" style="4"/>
    <col min="15873" max="15873" width="11.36328125" style="4" customWidth="1"/>
    <col min="15874" max="15879" width="11.08984375" style="4" customWidth="1"/>
    <col min="15880" max="15880" width="12" style="4" customWidth="1"/>
    <col min="15881" max="16128" width="9" style="4"/>
    <col min="16129" max="16129" width="11.36328125" style="4" customWidth="1"/>
    <col min="16130" max="16135" width="11.08984375" style="4" customWidth="1"/>
    <col min="16136" max="16136" width="12" style="4" customWidth="1"/>
    <col min="16137" max="16384" width="9" style="4"/>
  </cols>
  <sheetData>
    <row r="1" spans="1:8">
      <c r="A1" s="1" t="s">
        <v>142</v>
      </c>
    </row>
    <row r="2" spans="1:8" ht="21" customHeight="1">
      <c r="A2" s="512" t="s">
        <v>148</v>
      </c>
      <c r="B2" s="512"/>
      <c r="C2" s="512"/>
      <c r="D2" s="512"/>
      <c r="E2" s="512"/>
      <c r="F2" s="512"/>
      <c r="G2" s="512"/>
      <c r="H2" s="512"/>
    </row>
    <row r="3" spans="1:8" ht="15" customHeight="1">
      <c r="A3" s="117"/>
      <c r="B3" s="117"/>
    </row>
    <row r="4" spans="1:8" ht="21" customHeight="1">
      <c r="A4" s="118" t="s">
        <v>149</v>
      </c>
    </row>
    <row r="5" spans="1:8" s="20" customFormat="1" ht="30" customHeight="1">
      <c r="A5" s="65" t="s">
        <v>81</v>
      </c>
      <c r="B5" s="513"/>
      <c r="C5" s="513"/>
      <c r="D5" s="513"/>
      <c r="E5" s="119" t="s">
        <v>150</v>
      </c>
      <c r="F5" s="514"/>
      <c r="G5" s="514"/>
      <c r="H5" s="515"/>
    </row>
    <row r="6" spans="1:8" s="20" customFormat="1" ht="30" customHeight="1">
      <c r="A6" s="516" t="s">
        <v>151</v>
      </c>
      <c r="B6" s="517"/>
      <c r="C6" s="494"/>
      <c r="D6" s="518" t="s">
        <v>152</v>
      </c>
      <c r="E6" s="519"/>
      <c r="F6" s="519"/>
      <c r="G6" s="519"/>
      <c r="H6" s="520"/>
    </row>
    <row r="7" spans="1:8" s="20" customFormat="1" ht="21" customHeight="1">
      <c r="A7" s="120" t="s">
        <v>153</v>
      </c>
      <c r="B7" s="121"/>
      <c r="C7" s="121"/>
      <c r="D7" s="121"/>
      <c r="E7" s="122"/>
      <c r="F7" s="122"/>
      <c r="G7" s="122"/>
      <c r="H7" s="122"/>
    </row>
    <row r="8" spans="1:8" s="20" customFormat="1" ht="30" customHeight="1">
      <c r="A8" s="65" t="s">
        <v>70</v>
      </c>
      <c r="B8" s="498"/>
      <c r="C8" s="498"/>
      <c r="D8" s="498"/>
      <c r="E8" s="64" t="s">
        <v>154</v>
      </c>
      <c r="F8" s="529"/>
      <c r="G8" s="529"/>
      <c r="H8" s="529"/>
    </row>
    <row r="9" spans="1:8" s="20" customFormat="1" ht="30" customHeight="1">
      <c r="A9" s="65" t="s">
        <v>155</v>
      </c>
      <c r="B9" s="498"/>
      <c r="C9" s="498"/>
      <c r="D9" s="498"/>
      <c r="E9" s="64" t="s">
        <v>156</v>
      </c>
      <c r="F9" s="529"/>
      <c r="G9" s="529"/>
      <c r="H9" s="529"/>
    </row>
    <row r="10" spans="1:8" s="20" customFormat="1" ht="30" customHeight="1">
      <c r="A10" s="503" t="s">
        <v>157</v>
      </c>
      <c r="B10" s="123" t="s">
        <v>158</v>
      </c>
      <c r="C10" s="123"/>
      <c r="D10" s="123"/>
      <c r="E10" s="123"/>
      <c r="F10" s="123"/>
      <c r="G10" s="123"/>
      <c r="H10" s="124"/>
    </row>
    <row r="11" spans="1:8" s="20" customFormat="1" ht="30" customHeight="1">
      <c r="A11" s="528"/>
      <c r="B11" s="123" t="s">
        <v>159</v>
      </c>
      <c r="C11" s="123"/>
      <c r="D11" s="123"/>
      <c r="E11" s="123"/>
      <c r="F11" s="123"/>
      <c r="G11" s="123"/>
      <c r="H11" s="124"/>
    </row>
    <row r="12" spans="1:8" s="20" customFormat="1" ht="30" customHeight="1">
      <c r="A12" s="528"/>
      <c r="B12" s="123" t="s">
        <v>160</v>
      </c>
      <c r="C12" s="123"/>
      <c r="D12" s="123"/>
      <c r="E12" s="123"/>
      <c r="F12" s="123"/>
      <c r="G12" s="123"/>
      <c r="H12" s="124"/>
    </row>
    <row r="13" spans="1:8" s="20" customFormat="1" ht="30" customHeight="1">
      <c r="A13" s="504"/>
      <c r="B13" s="125" t="s">
        <v>161</v>
      </c>
      <c r="C13" s="125"/>
      <c r="D13" s="125"/>
      <c r="E13" s="125"/>
      <c r="F13" s="125"/>
      <c r="G13" s="125"/>
      <c r="H13" s="126"/>
    </row>
    <row r="14" spans="1:8" s="20" customFormat="1" ht="30" customHeight="1">
      <c r="A14" s="493" t="s">
        <v>162</v>
      </c>
      <c r="B14" s="494"/>
      <c r="C14" s="127" t="s">
        <v>163</v>
      </c>
      <c r="D14" s="127"/>
      <c r="E14" s="127"/>
      <c r="F14" s="127"/>
      <c r="G14" s="127"/>
      <c r="H14" s="128"/>
    </row>
    <row r="15" spans="1:8" s="20" customFormat="1" ht="30" customHeight="1">
      <c r="A15" s="495" t="s">
        <v>164</v>
      </c>
      <c r="B15" s="495"/>
      <c r="C15" s="498"/>
      <c r="D15" s="498"/>
      <c r="E15" s="129" t="s">
        <v>165</v>
      </c>
      <c r="F15" s="130"/>
      <c r="G15" s="67" t="s">
        <v>166</v>
      </c>
      <c r="H15" s="131"/>
    </row>
    <row r="16" spans="1:8" s="20" customFormat="1" ht="30" customHeight="1">
      <c r="A16" s="495" t="s">
        <v>167</v>
      </c>
      <c r="B16" s="495"/>
      <c r="C16" s="530" t="s">
        <v>168</v>
      </c>
      <c r="D16" s="530"/>
      <c r="E16" s="530"/>
      <c r="F16" s="129" t="s">
        <v>169</v>
      </c>
      <c r="G16" s="511" t="s">
        <v>170</v>
      </c>
      <c r="H16" s="511"/>
    </row>
    <row r="17" spans="1:8" s="20" customFormat="1" ht="16.5" customHeight="1">
      <c r="A17" s="453" t="s">
        <v>378</v>
      </c>
      <c r="B17" s="455"/>
      <c r="C17" s="531" t="s">
        <v>379</v>
      </c>
      <c r="D17" s="532"/>
      <c r="E17" s="532"/>
      <c r="F17" s="532"/>
      <c r="G17" s="532"/>
      <c r="H17" s="533"/>
    </row>
    <row r="18" spans="1:8" s="20" customFormat="1" ht="90" customHeight="1">
      <c r="A18" s="456"/>
      <c r="B18" s="458"/>
      <c r="C18" s="500"/>
      <c r="D18" s="501"/>
      <c r="E18" s="501"/>
      <c r="F18" s="501"/>
      <c r="G18" s="501"/>
      <c r="H18" s="502"/>
    </row>
    <row r="19" spans="1:8" s="20" customFormat="1" ht="30" customHeight="1">
      <c r="A19" s="493" t="s">
        <v>171</v>
      </c>
      <c r="B19" s="494"/>
      <c r="C19" s="476" t="s">
        <v>172</v>
      </c>
      <c r="D19" s="476"/>
      <c r="E19" s="476"/>
      <c r="F19" s="476"/>
      <c r="G19" s="476"/>
      <c r="H19" s="477"/>
    </row>
    <row r="20" spans="1:8" s="20" customFormat="1" ht="30" customHeight="1">
      <c r="A20" s="493" t="s">
        <v>173</v>
      </c>
      <c r="B20" s="494"/>
      <c r="C20" s="476"/>
      <c r="D20" s="476"/>
      <c r="E20" s="476"/>
      <c r="F20" s="476"/>
      <c r="G20" s="476"/>
      <c r="H20" s="477"/>
    </row>
    <row r="21" spans="1:8" s="20" customFormat="1" ht="21" customHeight="1">
      <c r="A21" s="120" t="s">
        <v>174</v>
      </c>
      <c r="B21" s="121"/>
      <c r="C21" s="121"/>
      <c r="D21" s="121"/>
      <c r="E21" s="121"/>
      <c r="F21" s="122"/>
      <c r="G21" s="122"/>
      <c r="H21" s="122"/>
    </row>
    <row r="22" spans="1:8" s="20" customFormat="1" ht="30" customHeight="1">
      <c r="A22" s="495" t="s">
        <v>175</v>
      </c>
      <c r="B22" s="495"/>
      <c r="C22" s="511"/>
      <c r="D22" s="511"/>
      <c r="E22" s="511"/>
      <c r="F22" s="64" t="s">
        <v>176</v>
      </c>
      <c r="G22" s="511"/>
      <c r="H22" s="511"/>
    </row>
    <row r="23" spans="1:8" s="20" customFormat="1" ht="15" customHeight="1">
      <c r="A23" s="503" t="s">
        <v>177</v>
      </c>
      <c r="B23" s="525" t="s">
        <v>178</v>
      </c>
      <c r="C23" s="526"/>
      <c r="D23" s="526"/>
      <c r="E23" s="527"/>
      <c r="F23" s="503" t="s">
        <v>179</v>
      </c>
      <c r="G23" s="505"/>
      <c r="H23" s="506"/>
    </row>
    <row r="24" spans="1:8" s="20" customFormat="1" ht="15" customHeight="1">
      <c r="A24" s="504"/>
      <c r="B24" s="509" t="s">
        <v>180</v>
      </c>
      <c r="C24" s="509"/>
      <c r="D24" s="509"/>
      <c r="E24" s="510"/>
      <c r="F24" s="504"/>
      <c r="G24" s="507"/>
      <c r="H24" s="508"/>
    </row>
    <row r="25" spans="1:8" s="20" customFormat="1" ht="30" customHeight="1">
      <c r="A25" s="503" t="s">
        <v>157</v>
      </c>
      <c r="B25" s="132" t="s">
        <v>181</v>
      </c>
      <c r="C25" s="138"/>
      <c r="D25" s="132"/>
      <c r="E25" s="132"/>
      <c r="F25" s="132"/>
      <c r="G25" s="132"/>
      <c r="H25" s="133"/>
    </row>
    <row r="26" spans="1:8" s="20" customFormat="1" ht="30" customHeight="1">
      <c r="A26" s="528"/>
      <c r="B26" s="123" t="s">
        <v>182</v>
      </c>
      <c r="C26" s="297"/>
      <c r="D26" s="123"/>
      <c r="E26" s="123"/>
      <c r="F26" s="123"/>
      <c r="G26" s="123"/>
      <c r="H26" s="134"/>
    </row>
    <row r="27" spans="1:8" s="20" customFormat="1" ht="30" customHeight="1">
      <c r="A27" s="528"/>
      <c r="B27" s="123" t="s">
        <v>183</v>
      </c>
      <c r="C27" s="297"/>
      <c r="D27" s="123"/>
      <c r="E27" s="123"/>
      <c r="F27" s="123"/>
      <c r="G27" s="123"/>
      <c r="H27" s="134"/>
    </row>
    <row r="28" spans="1:8" s="20" customFormat="1" ht="30" customHeight="1">
      <c r="A28" s="504"/>
      <c r="B28" s="125" t="s">
        <v>184</v>
      </c>
      <c r="C28" s="125" t="s">
        <v>185</v>
      </c>
      <c r="D28" s="125"/>
      <c r="E28" s="125"/>
      <c r="F28" s="125"/>
      <c r="G28" s="125"/>
      <c r="H28" s="298"/>
    </row>
    <row r="29" spans="1:8" s="20" customFormat="1" ht="30" customHeight="1">
      <c r="A29" s="493" t="s">
        <v>186</v>
      </c>
      <c r="B29" s="494"/>
      <c r="C29" s="476" t="s">
        <v>187</v>
      </c>
      <c r="D29" s="476"/>
      <c r="E29" s="476"/>
      <c r="F29" s="129" t="s">
        <v>188</v>
      </c>
      <c r="G29" s="514"/>
      <c r="H29" s="515"/>
    </row>
    <row r="30" spans="1:8" s="20" customFormat="1" ht="30" customHeight="1">
      <c r="A30" s="119" t="s">
        <v>189</v>
      </c>
      <c r="B30" s="514"/>
      <c r="C30" s="514"/>
      <c r="D30" s="514"/>
      <c r="E30" s="119" t="s">
        <v>190</v>
      </c>
      <c r="F30" s="514"/>
      <c r="G30" s="514"/>
      <c r="H30" s="515"/>
    </row>
    <row r="31" spans="1:8" s="20" customFormat="1" ht="21" customHeight="1">
      <c r="A31" s="453" t="s">
        <v>191</v>
      </c>
      <c r="B31" s="455"/>
      <c r="C31" s="123" t="s">
        <v>192</v>
      </c>
      <c r="D31" s="135"/>
      <c r="E31" s="521"/>
      <c r="F31" s="521"/>
      <c r="G31" s="521"/>
      <c r="H31" s="506"/>
    </row>
    <row r="32" spans="1:8" s="20" customFormat="1" ht="21" customHeight="1">
      <c r="A32" s="456"/>
      <c r="B32" s="458"/>
      <c r="C32" s="522" t="s">
        <v>193</v>
      </c>
      <c r="D32" s="523"/>
      <c r="E32" s="523"/>
      <c r="F32" s="523"/>
      <c r="G32" s="523"/>
      <c r="H32" s="524"/>
    </row>
    <row r="33" spans="1:8" s="20" customFormat="1" ht="21" customHeight="1">
      <c r="A33" s="136" t="s">
        <v>194</v>
      </c>
      <c r="B33" s="137"/>
      <c r="C33" s="137"/>
      <c r="D33" s="137"/>
      <c r="E33" s="137"/>
      <c r="F33" s="138"/>
      <c r="G33" s="138"/>
      <c r="H33" s="122"/>
    </row>
    <row r="34" spans="1:8" s="20" customFormat="1" ht="30" customHeight="1">
      <c r="A34" s="64" t="s">
        <v>195</v>
      </c>
      <c r="B34" s="498"/>
      <c r="C34" s="498"/>
      <c r="D34" s="64" t="s">
        <v>196</v>
      </c>
      <c r="E34" s="130"/>
      <c r="F34" s="64" t="s">
        <v>197</v>
      </c>
      <c r="G34" s="499" t="s">
        <v>198</v>
      </c>
      <c r="H34" s="490"/>
    </row>
    <row r="35" spans="1:8" s="20" customFormat="1" ht="30" customHeight="1">
      <c r="A35" s="65" t="s">
        <v>199</v>
      </c>
      <c r="B35" s="489" t="s">
        <v>200</v>
      </c>
      <c r="C35" s="488"/>
      <c r="D35" s="490"/>
      <c r="E35" s="64" t="s">
        <v>201</v>
      </c>
      <c r="F35" s="475" t="s">
        <v>202</v>
      </c>
      <c r="G35" s="476"/>
      <c r="H35" s="477"/>
    </row>
    <row r="36" spans="1:8" s="20" customFormat="1" ht="21" customHeight="1">
      <c r="A36" s="139" t="s">
        <v>203</v>
      </c>
      <c r="B36" s="140"/>
      <c r="C36" s="140"/>
      <c r="D36" s="140"/>
      <c r="E36" s="121"/>
      <c r="F36" s="140"/>
      <c r="G36" s="140"/>
      <c r="H36" s="140"/>
    </row>
    <row r="37" spans="1:8" s="20" customFormat="1" ht="30" customHeight="1">
      <c r="A37" s="495" t="s">
        <v>204</v>
      </c>
      <c r="B37" s="495"/>
      <c r="C37" s="64" t="s">
        <v>205</v>
      </c>
      <c r="D37" s="119" t="s">
        <v>206</v>
      </c>
      <c r="E37" s="119" t="s">
        <v>207</v>
      </c>
      <c r="F37" s="495" t="s">
        <v>204</v>
      </c>
      <c r="G37" s="495"/>
      <c r="H37" s="64" t="s">
        <v>205</v>
      </c>
    </row>
    <row r="38" spans="1:8" s="20" customFormat="1" ht="30" customHeight="1">
      <c r="A38" s="495" t="s">
        <v>439</v>
      </c>
      <c r="B38" s="495"/>
      <c r="C38" s="141"/>
      <c r="D38" s="142"/>
      <c r="E38" s="143"/>
      <c r="F38" s="495"/>
      <c r="G38" s="495"/>
      <c r="H38" s="141"/>
    </row>
    <row r="39" spans="1:8" s="20" customFormat="1" ht="30" customHeight="1">
      <c r="A39" s="495" t="s">
        <v>440</v>
      </c>
      <c r="B39" s="495"/>
      <c r="C39" s="141"/>
      <c r="D39" s="142"/>
      <c r="E39" s="143"/>
      <c r="F39" s="495"/>
      <c r="G39" s="495"/>
      <c r="H39" s="141"/>
    </row>
    <row r="40" spans="1:8" s="20" customFormat="1" ht="30" customHeight="1">
      <c r="A40" s="493" t="s">
        <v>208</v>
      </c>
      <c r="B40" s="494"/>
      <c r="C40" s="141"/>
      <c r="D40" s="144"/>
      <c r="E40" s="144"/>
      <c r="F40" s="495"/>
      <c r="G40" s="495"/>
      <c r="H40" s="141"/>
    </row>
    <row r="41" spans="1:8" s="20" customFormat="1" ht="30" customHeight="1">
      <c r="A41" s="493" t="s">
        <v>211</v>
      </c>
      <c r="B41" s="494"/>
      <c r="C41" s="141"/>
      <c r="D41" s="144"/>
      <c r="E41" s="144"/>
      <c r="F41" s="495"/>
      <c r="G41" s="495"/>
      <c r="H41" s="141"/>
    </row>
    <row r="42" spans="1:8" s="20" customFormat="1" ht="30" customHeight="1">
      <c r="A42" s="493" t="s">
        <v>209</v>
      </c>
      <c r="B42" s="494"/>
      <c r="C42" s="141"/>
      <c r="D42" s="144"/>
      <c r="E42" s="144"/>
      <c r="F42" s="495"/>
      <c r="G42" s="495"/>
      <c r="H42" s="141"/>
    </row>
    <row r="43" spans="1:8" s="20" customFormat="1" ht="30" customHeight="1">
      <c r="A43" s="493" t="s">
        <v>210</v>
      </c>
      <c r="B43" s="494"/>
      <c r="C43" s="141"/>
      <c r="D43" s="144"/>
      <c r="E43" s="144"/>
      <c r="F43" s="495"/>
      <c r="G43" s="495"/>
      <c r="H43" s="141"/>
    </row>
    <row r="44" spans="1:8" s="20" customFormat="1" ht="30" customHeight="1">
      <c r="A44" s="493" t="s">
        <v>212</v>
      </c>
      <c r="B44" s="494"/>
      <c r="C44" s="141"/>
      <c r="D44" s="144"/>
      <c r="E44" s="144"/>
      <c r="F44" s="495"/>
      <c r="G44" s="495"/>
      <c r="H44" s="141"/>
    </row>
    <row r="45" spans="1:8" s="20" customFormat="1" ht="30" customHeight="1" thickBot="1">
      <c r="A45" s="453" t="s">
        <v>48</v>
      </c>
      <c r="B45" s="455"/>
      <c r="C45" s="141"/>
      <c r="D45" s="274"/>
      <c r="E45" s="274"/>
      <c r="F45" s="453"/>
      <c r="G45" s="455"/>
      <c r="H45" s="145"/>
    </row>
    <row r="46" spans="1:8" s="20" customFormat="1" ht="30" customHeight="1" thickTop="1">
      <c r="A46" s="496" t="s">
        <v>136</v>
      </c>
      <c r="B46" s="497"/>
      <c r="C46" s="146"/>
      <c r="D46" s="160"/>
      <c r="E46" s="160"/>
      <c r="F46" s="496" t="s">
        <v>136</v>
      </c>
      <c r="G46" s="497"/>
      <c r="H46" s="146"/>
    </row>
    <row r="47" spans="1:8" s="20" customFormat="1" ht="21" customHeight="1">
      <c r="A47" s="147" t="s">
        <v>213</v>
      </c>
      <c r="B47" s="148"/>
      <c r="C47" s="121"/>
      <c r="D47" s="122"/>
      <c r="E47" s="122"/>
      <c r="F47" s="121"/>
      <c r="G47" s="122"/>
      <c r="H47" s="122"/>
    </row>
    <row r="48" spans="1:8" s="20" customFormat="1" ht="30" customHeight="1">
      <c r="A48" s="119" t="s">
        <v>214</v>
      </c>
      <c r="B48" s="488" t="s">
        <v>215</v>
      </c>
      <c r="C48" s="488"/>
      <c r="D48" s="488"/>
      <c r="E48" s="119" t="s">
        <v>216</v>
      </c>
      <c r="F48" s="489" t="s">
        <v>217</v>
      </c>
      <c r="G48" s="488"/>
      <c r="H48" s="490"/>
    </row>
    <row r="49" spans="1:8" s="20" customFormat="1" ht="30" customHeight="1">
      <c r="A49" s="491" t="s">
        <v>218</v>
      </c>
      <c r="B49" s="492"/>
      <c r="C49" s="373" t="s">
        <v>219</v>
      </c>
      <c r="D49" s="373"/>
      <c r="E49" s="373"/>
      <c r="F49" s="373"/>
      <c r="G49" s="373"/>
      <c r="H49" s="373"/>
    </row>
    <row r="50" spans="1:8" s="20" customFormat="1" ht="30" customHeight="1">
      <c r="A50" s="149" t="s">
        <v>220</v>
      </c>
      <c r="B50" s="361" t="s">
        <v>305</v>
      </c>
      <c r="C50" s="361"/>
      <c r="D50" s="361"/>
      <c r="E50" s="129" t="s">
        <v>221</v>
      </c>
      <c r="F50" s="361" t="s">
        <v>222</v>
      </c>
      <c r="G50" s="361"/>
      <c r="H50" s="361"/>
    </row>
    <row r="51" spans="1:8" s="153" customFormat="1" ht="16.5" customHeight="1">
      <c r="A51" s="534" t="s">
        <v>298</v>
      </c>
      <c r="B51" s="535" t="s">
        <v>297</v>
      </c>
      <c r="C51" s="535"/>
      <c r="D51" s="535"/>
      <c r="E51" s="535"/>
      <c r="F51" s="535"/>
      <c r="G51" s="535"/>
      <c r="H51" s="535"/>
    </row>
    <row r="52" spans="1:8" s="20" customFormat="1" ht="39" customHeight="1">
      <c r="A52" s="534"/>
      <c r="B52" s="536"/>
      <c r="C52" s="536"/>
      <c r="D52" s="536"/>
      <c r="E52" s="536"/>
      <c r="F52" s="536"/>
      <c r="G52" s="536"/>
      <c r="H52" s="536"/>
    </row>
    <row r="53" spans="1:8" s="20" customFormat="1" ht="39" customHeight="1">
      <c r="A53" s="534"/>
      <c r="B53" s="537"/>
      <c r="C53" s="537"/>
      <c r="D53" s="537"/>
      <c r="E53" s="537"/>
      <c r="F53" s="537"/>
      <c r="G53" s="537"/>
      <c r="H53" s="537"/>
    </row>
    <row r="54" spans="1:8" s="20" customFormat="1" ht="15.75" customHeight="1">
      <c r="A54" s="534"/>
      <c r="B54" s="538" t="s">
        <v>299</v>
      </c>
      <c r="C54" s="538"/>
      <c r="D54" s="538"/>
      <c r="E54" s="538"/>
      <c r="F54" s="538"/>
      <c r="G54" s="538"/>
      <c r="H54" s="538"/>
    </row>
    <row r="55" spans="1:8" s="20" customFormat="1" ht="39" customHeight="1">
      <c r="A55" s="534"/>
      <c r="B55" s="536"/>
      <c r="C55" s="536"/>
      <c r="D55" s="536"/>
      <c r="E55" s="536"/>
      <c r="F55" s="536"/>
      <c r="G55" s="536"/>
      <c r="H55" s="536"/>
    </row>
    <row r="56" spans="1:8" s="20" customFormat="1" ht="39" customHeight="1">
      <c r="A56" s="534"/>
      <c r="B56" s="537"/>
      <c r="C56" s="537"/>
      <c r="D56" s="537"/>
      <c r="E56" s="537"/>
      <c r="F56" s="537"/>
      <c r="G56" s="537"/>
      <c r="H56" s="537"/>
    </row>
    <row r="57" spans="1:8" s="20" customFormat="1" ht="21.75" customHeight="1">
      <c r="A57" s="150" t="s">
        <v>223</v>
      </c>
      <c r="B57" s="151"/>
      <c r="C57" s="151"/>
      <c r="D57" s="151"/>
      <c r="E57" s="152"/>
      <c r="F57" s="151"/>
      <c r="G57" s="151"/>
      <c r="H57" s="151"/>
    </row>
    <row r="58" spans="1:8" s="20" customFormat="1" ht="21" customHeight="1">
      <c r="A58" s="154" t="s">
        <v>224</v>
      </c>
      <c r="B58" s="155"/>
      <c r="C58" s="69" t="s">
        <v>225</v>
      </c>
      <c r="D58" s="127"/>
      <c r="E58" s="127"/>
      <c r="F58" s="127"/>
      <c r="G58" s="127"/>
      <c r="H58" s="128"/>
    </row>
    <row r="59" spans="1:8" s="20" customFormat="1" ht="32.25" customHeight="1">
      <c r="A59" s="154" t="s">
        <v>226</v>
      </c>
      <c r="B59" s="155"/>
      <c r="C59" s="539" t="s">
        <v>227</v>
      </c>
      <c r="D59" s="540"/>
      <c r="E59" s="540"/>
      <c r="F59" s="540"/>
      <c r="G59" s="540"/>
      <c r="H59" s="541"/>
    </row>
    <row r="60" spans="1:8" s="20" customFormat="1" ht="15" customHeight="1">
      <c r="A60" s="154" t="s">
        <v>228</v>
      </c>
      <c r="B60" s="155"/>
      <c r="C60" s="69" t="s">
        <v>229</v>
      </c>
      <c r="D60" s="127"/>
      <c r="E60" s="127"/>
      <c r="F60" s="127"/>
      <c r="G60" s="127"/>
      <c r="H60" s="128"/>
    </row>
    <row r="61" spans="1:8" s="20" customFormat="1" ht="15" customHeight="1">
      <c r="A61" s="154" t="s">
        <v>230</v>
      </c>
      <c r="B61" s="155"/>
      <c r="C61" s="69" t="s">
        <v>231</v>
      </c>
      <c r="D61" s="127"/>
      <c r="E61" s="127"/>
      <c r="F61" s="127"/>
      <c r="G61" s="127"/>
      <c r="H61" s="128"/>
    </row>
    <row r="62" spans="1:8" s="20" customFormat="1" ht="15" customHeight="1">
      <c r="A62" s="542" t="s">
        <v>441</v>
      </c>
      <c r="B62" s="543"/>
      <c r="C62" s="546" t="s">
        <v>232</v>
      </c>
      <c r="D62" s="547"/>
      <c r="E62" s="547"/>
      <c r="F62" s="547"/>
      <c r="G62" s="547"/>
      <c r="H62" s="548"/>
    </row>
    <row r="63" spans="1:8" s="20" customFormat="1" ht="30" customHeight="1">
      <c r="A63" s="544"/>
      <c r="B63" s="545"/>
      <c r="C63" s="549" t="s">
        <v>233</v>
      </c>
      <c r="D63" s="550"/>
      <c r="E63" s="550"/>
      <c r="F63" s="550"/>
      <c r="G63" s="550"/>
      <c r="H63" s="551"/>
    </row>
    <row r="64" spans="1:8" s="20" customFormat="1" ht="30" customHeight="1">
      <c r="A64" s="473" t="s">
        <v>442</v>
      </c>
      <c r="B64" s="474"/>
      <c r="C64" s="475" t="s">
        <v>234</v>
      </c>
      <c r="D64" s="476"/>
      <c r="E64" s="476"/>
      <c r="F64" s="476"/>
      <c r="G64" s="476"/>
      <c r="H64" s="477"/>
    </row>
    <row r="65" spans="1:8" s="153" customFormat="1" ht="30" customHeight="1">
      <c r="A65" s="473" t="s">
        <v>443</v>
      </c>
      <c r="B65" s="474"/>
      <c r="C65" s="475" t="s">
        <v>234</v>
      </c>
      <c r="D65" s="476"/>
      <c r="E65" s="476"/>
      <c r="F65" s="476"/>
      <c r="G65" s="476"/>
      <c r="H65" s="477"/>
    </row>
    <row r="66" spans="1:8" s="20" customFormat="1" ht="30" customHeight="1">
      <c r="A66" s="478" t="s">
        <v>444</v>
      </c>
      <c r="B66" s="479"/>
      <c r="C66" s="482"/>
      <c r="D66" s="483"/>
      <c r="E66" s="483"/>
      <c r="F66" s="483"/>
      <c r="G66" s="483"/>
      <c r="H66" s="484"/>
    </row>
    <row r="67" spans="1:8" ht="27" customHeight="1">
      <c r="A67" s="480"/>
      <c r="B67" s="481"/>
      <c r="C67" s="485"/>
      <c r="D67" s="486"/>
      <c r="E67" s="486"/>
      <c r="F67" s="486"/>
      <c r="G67" s="486"/>
      <c r="H67" s="487"/>
    </row>
    <row r="68" spans="1:8" ht="24" customHeight="1">
      <c r="A68" s="156" t="s">
        <v>235</v>
      </c>
      <c r="B68" s="157"/>
      <c r="C68" s="158"/>
      <c r="D68" s="158"/>
      <c r="E68" s="158"/>
      <c r="F68" s="158"/>
      <c r="G68" s="158"/>
      <c r="H68" s="158"/>
    </row>
    <row r="69" spans="1:8" ht="21.75" customHeight="1">
      <c r="A69" s="473" t="s">
        <v>42</v>
      </c>
      <c r="B69" s="474"/>
      <c r="C69" s="475" t="s">
        <v>307</v>
      </c>
      <c r="D69" s="476"/>
      <c r="E69" s="476"/>
      <c r="F69" s="476"/>
      <c r="G69" s="476"/>
      <c r="H69" s="477"/>
    </row>
    <row r="70" spans="1:8" ht="21.75" customHeight="1">
      <c r="A70" s="473" t="s">
        <v>236</v>
      </c>
      <c r="B70" s="474"/>
      <c r="C70" s="475" t="s">
        <v>237</v>
      </c>
      <c r="D70" s="476"/>
      <c r="E70" s="476"/>
      <c r="F70" s="476"/>
      <c r="G70" s="476"/>
      <c r="H70" s="477"/>
    </row>
  </sheetData>
  <mergeCells count="89">
    <mergeCell ref="A64:B64"/>
    <mergeCell ref="C64:H64"/>
    <mergeCell ref="A51:A56"/>
    <mergeCell ref="B51:H51"/>
    <mergeCell ref="B52:H53"/>
    <mergeCell ref="B54:H54"/>
    <mergeCell ref="B55:H56"/>
    <mergeCell ref="C59:H59"/>
    <mergeCell ref="A62:B63"/>
    <mergeCell ref="C62:H62"/>
    <mergeCell ref="C63:H63"/>
    <mergeCell ref="B8:D8"/>
    <mergeCell ref="F8:H8"/>
    <mergeCell ref="B9:D9"/>
    <mergeCell ref="F9:H9"/>
    <mergeCell ref="A20:B20"/>
    <mergeCell ref="C20:H20"/>
    <mergeCell ref="G16:H16"/>
    <mergeCell ref="A19:B19"/>
    <mergeCell ref="C19:H19"/>
    <mergeCell ref="A10:A13"/>
    <mergeCell ref="A14:B14"/>
    <mergeCell ref="A15:B15"/>
    <mergeCell ref="C15:D15"/>
    <mergeCell ref="A16:B16"/>
    <mergeCell ref="C16:E16"/>
    <mergeCell ref="C17:H17"/>
    <mergeCell ref="A29:B29"/>
    <mergeCell ref="C29:E29"/>
    <mergeCell ref="G29:H29"/>
    <mergeCell ref="A23:A24"/>
    <mergeCell ref="B23:E23"/>
    <mergeCell ref="A25:A28"/>
    <mergeCell ref="B30:D30"/>
    <mergeCell ref="F30:H30"/>
    <mergeCell ref="A31:B32"/>
    <mergeCell ref="E31:H31"/>
    <mergeCell ref="C32:H32"/>
    <mergeCell ref="A2:H2"/>
    <mergeCell ref="B5:D5"/>
    <mergeCell ref="F5:H5"/>
    <mergeCell ref="A6:C6"/>
    <mergeCell ref="D6:H6"/>
    <mergeCell ref="A17:B18"/>
    <mergeCell ref="C18:H18"/>
    <mergeCell ref="F23:F24"/>
    <mergeCell ref="G23:H24"/>
    <mergeCell ref="B24:E24"/>
    <mergeCell ref="A22:B22"/>
    <mergeCell ref="C22:E22"/>
    <mergeCell ref="G22:H22"/>
    <mergeCell ref="A38:B38"/>
    <mergeCell ref="F38:G38"/>
    <mergeCell ref="A39:B39"/>
    <mergeCell ref="F39:G39"/>
    <mergeCell ref="A40:B40"/>
    <mergeCell ref="F40:G40"/>
    <mergeCell ref="B34:C34"/>
    <mergeCell ref="G34:H34"/>
    <mergeCell ref="B35:D35"/>
    <mergeCell ref="F35:H35"/>
    <mergeCell ref="A37:B37"/>
    <mergeCell ref="F37:G37"/>
    <mergeCell ref="A44:B44"/>
    <mergeCell ref="F44:G44"/>
    <mergeCell ref="A45:B45"/>
    <mergeCell ref="F45:G45"/>
    <mergeCell ref="A46:B46"/>
    <mergeCell ref="F46:G46"/>
    <mergeCell ref="A41:B41"/>
    <mergeCell ref="F41:G41"/>
    <mergeCell ref="A42:B42"/>
    <mergeCell ref="F42:G42"/>
    <mergeCell ref="A43:B43"/>
    <mergeCell ref="F43:G43"/>
    <mergeCell ref="B48:D48"/>
    <mergeCell ref="F48:H48"/>
    <mergeCell ref="A49:B49"/>
    <mergeCell ref="C49:H49"/>
    <mergeCell ref="B50:D50"/>
    <mergeCell ref="F50:H50"/>
    <mergeCell ref="A69:B69"/>
    <mergeCell ref="C69:H69"/>
    <mergeCell ref="A70:B70"/>
    <mergeCell ref="C70:H70"/>
    <mergeCell ref="A65:B65"/>
    <mergeCell ref="C65:H65"/>
    <mergeCell ref="A66:B67"/>
    <mergeCell ref="C66:H67"/>
  </mergeCells>
  <phoneticPr fontId="4"/>
  <pageMargins left="0.82677165354330717" right="0.47244094488188981" top="0.62992125984251968" bottom="0.55118110236220474" header="0.31496062992125984" footer="0.31496062992125984"/>
  <pageSetup paperSize="9" scale="92" orientation="portrait" r:id="rId1"/>
  <rowBreaks count="2" manualBreakCount="2">
    <brk id="28" max="7" man="1"/>
    <brk id="46" max="16383"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FFC000"/>
  </sheetPr>
  <dimension ref="A1:H44"/>
  <sheetViews>
    <sheetView topLeftCell="A10" zoomScaleNormal="100" zoomScaleSheetLayoutView="80" workbookViewId="0"/>
  </sheetViews>
  <sheetFormatPr defaultRowHeight="13"/>
  <cols>
    <col min="1" max="1" width="14.453125" style="4" customWidth="1"/>
    <col min="2" max="3" width="12.6328125" style="4" customWidth="1"/>
    <col min="4" max="5" width="10.6328125" style="4" customWidth="1"/>
    <col min="6" max="7" width="12.6328125" style="4" customWidth="1"/>
    <col min="8" max="8" width="1.26953125" style="4" customWidth="1"/>
    <col min="9" max="256" width="9" style="4"/>
    <col min="257" max="257" width="14.453125" style="4" customWidth="1"/>
    <col min="258" max="259" width="12.6328125" style="4" customWidth="1"/>
    <col min="260" max="261" width="10.6328125" style="4" customWidth="1"/>
    <col min="262" max="263" width="12.6328125" style="4" customWidth="1"/>
    <col min="264" max="264" width="1.26953125" style="4" customWidth="1"/>
    <col min="265" max="512" width="9" style="4"/>
    <col min="513" max="513" width="14.453125" style="4" customWidth="1"/>
    <col min="514" max="515" width="12.6328125" style="4" customWidth="1"/>
    <col min="516" max="517" width="10.6328125" style="4" customWidth="1"/>
    <col min="518" max="519" width="12.6328125" style="4" customWidth="1"/>
    <col min="520" max="520" width="1.26953125" style="4" customWidth="1"/>
    <col min="521" max="768" width="9" style="4"/>
    <col min="769" max="769" width="14.453125" style="4" customWidth="1"/>
    <col min="770" max="771" width="12.6328125" style="4" customWidth="1"/>
    <col min="772" max="773" width="10.6328125" style="4" customWidth="1"/>
    <col min="774" max="775" width="12.6328125" style="4" customWidth="1"/>
    <col min="776" max="776" width="1.26953125" style="4" customWidth="1"/>
    <col min="777" max="1024" width="9" style="4"/>
    <col min="1025" max="1025" width="14.453125" style="4" customWidth="1"/>
    <col min="1026" max="1027" width="12.6328125" style="4" customWidth="1"/>
    <col min="1028" max="1029" width="10.6328125" style="4" customWidth="1"/>
    <col min="1030" max="1031" width="12.6328125" style="4" customWidth="1"/>
    <col min="1032" max="1032" width="1.26953125" style="4" customWidth="1"/>
    <col min="1033" max="1280" width="9" style="4"/>
    <col min="1281" max="1281" width="14.453125" style="4" customWidth="1"/>
    <col min="1282" max="1283" width="12.6328125" style="4" customWidth="1"/>
    <col min="1284" max="1285" width="10.6328125" style="4" customWidth="1"/>
    <col min="1286" max="1287" width="12.6328125" style="4" customWidth="1"/>
    <col min="1288" max="1288" width="1.26953125" style="4" customWidth="1"/>
    <col min="1289" max="1536" width="9" style="4"/>
    <col min="1537" max="1537" width="14.453125" style="4" customWidth="1"/>
    <col min="1538" max="1539" width="12.6328125" style="4" customWidth="1"/>
    <col min="1540" max="1541" width="10.6328125" style="4" customWidth="1"/>
    <col min="1542" max="1543" width="12.6328125" style="4" customWidth="1"/>
    <col min="1544" max="1544" width="1.26953125" style="4" customWidth="1"/>
    <col min="1545" max="1792" width="9" style="4"/>
    <col min="1793" max="1793" width="14.453125" style="4" customWidth="1"/>
    <col min="1794" max="1795" width="12.6328125" style="4" customWidth="1"/>
    <col min="1796" max="1797" width="10.6328125" style="4" customWidth="1"/>
    <col min="1798" max="1799" width="12.6328125" style="4" customWidth="1"/>
    <col min="1800" max="1800" width="1.26953125" style="4" customWidth="1"/>
    <col min="1801" max="2048" width="9" style="4"/>
    <col min="2049" max="2049" width="14.453125" style="4" customWidth="1"/>
    <col min="2050" max="2051" width="12.6328125" style="4" customWidth="1"/>
    <col min="2052" max="2053" width="10.6328125" style="4" customWidth="1"/>
    <col min="2054" max="2055" width="12.6328125" style="4" customWidth="1"/>
    <col min="2056" max="2056" width="1.26953125" style="4" customWidth="1"/>
    <col min="2057" max="2304" width="9" style="4"/>
    <col min="2305" max="2305" width="14.453125" style="4" customWidth="1"/>
    <col min="2306" max="2307" width="12.6328125" style="4" customWidth="1"/>
    <col min="2308" max="2309" width="10.6328125" style="4" customWidth="1"/>
    <col min="2310" max="2311" width="12.6328125" style="4" customWidth="1"/>
    <col min="2312" max="2312" width="1.26953125" style="4" customWidth="1"/>
    <col min="2313" max="2560" width="9" style="4"/>
    <col min="2561" max="2561" width="14.453125" style="4" customWidth="1"/>
    <col min="2562" max="2563" width="12.6328125" style="4" customWidth="1"/>
    <col min="2564" max="2565" width="10.6328125" style="4" customWidth="1"/>
    <col min="2566" max="2567" width="12.6328125" style="4" customWidth="1"/>
    <col min="2568" max="2568" width="1.26953125" style="4" customWidth="1"/>
    <col min="2569" max="2816" width="9" style="4"/>
    <col min="2817" max="2817" width="14.453125" style="4" customWidth="1"/>
    <col min="2818" max="2819" width="12.6328125" style="4" customWidth="1"/>
    <col min="2820" max="2821" width="10.6328125" style="4" customWidth="1"/>
    <col min="2822" max="2823" width="12.6328125" style="4" customWidth="1"/>
    <col min="2824" max="2824" width="1.26953125" style="4" customWidth="1"/>
    <col min="2825" max="3072" width="9" style="4"/>
    <col min="3073" max="3073" width="14.453125" style="4" customWidth="1"/>
    <col min="3074" max="3075" width="12.6328125" style="4" customWidth="1"/>
    <col min="3076" max="3077" width="10.6328125" style="4" customWidth="1"/>
    <col min="3078" max="3079" width="12.6328125" style="4" customWidth="1"/>
    <col min="3080" max="3080" width="1.26953125" style="4" customWidth="1"/>
    <col min="3081" max="3328" width="9" style="4"/>
    <col min="3329" max="3329" width="14.453125" style="4" customWidth="1"/>
    <col min="3330" max="3331" width="12.6328125" style="4" customWidth="1"/>
    <col min="3332" max="3333" width="10.6328125" style="4" customWidth="1"/>
    <col min="3334" max="3335" width="12.6328125" style="4" customWidth="1"/>
    <col min="3336" max="3336" width="1.26953125" style="4" customWidth="1"/>
    <col min="3337" max="3584" width="9" style="4"/>
    <col min="3585" max="3585" width="14.453125" style="4" customWidth="1"/>
    <col min="3586" max="3587" width="12.6328125" style="4" customWidth="1"/>
    <col min="3588" max="3589" width="10.6328125" style="4" customWidth="1"/>
    <col min="3590" max="3591" width="12.6328125" style="4" customWidth="1"/>
    <col min="3592" max="3592" width="1.26953125" style="4" customWidth="1"/>
    <col min="3593" max="3840" width="9" style="4"/>
    <col min="3841" max="3841" width="14.453125" style="4" customWidth="1"/>
    <col min="3842" max="3843" width="12.6328125" style="4" customWidth="1"/>
    <col min="3844" max="3845" width="10.6328125" style="4" customWidth="1"/>
    <col min="3846" max="3847" width="12.6328125" style="4" customWidth="1"/>
    <col min="3848" max="3848" width="1.26953125" style="4" customWidth="1"/>
    <col min="3849" max="4096" width="9" style="4"/>
    <col min="4097" max="4097" width="14.453125" style="4" customWidth="1"/>
    <col min="4098" max="4099" width="12.6328125" style="4" customWidth="1"/>
    <col min="4100" max="4101" width="10.6328125" style="4" customWidth="1"/>
    <col min="4102" max="4103" width="12.6328125" style="4" customWidth="1"/>
    <col min="4104" max="4104" width="1.26953125" style="4" customWidth="1"/>
    <col min="4105" max="4352" width="9" style="4"/>
    <col min="4353" max="4353" width="14.453125" style="4" customWidth="1"/>
    <col min="4354" max="4355" width="12.6328125" style="4" customWidth="1"/>
    <col min="4356" max="4357" width="10.6328125" style="4" customWidth="1"/>
    <col min="4358" max="4359" width="12.6328125" style="4" customWidth="1"/>
    <col min="4360" max="4360" width="1.26953125" style="4" customWidth="1"/>
    <col min="4361" max="4608" width="9" style="4"/>
    <col min="4609" max="4609" width="14.453125" style="4" customWidth="1"/>
    <col min="4610" max="4611" width="12.6328125" style="4" customWidth="1"/>
    <col min="4612" max="4613" width="10.6328125" style="4" customWidth="1"/>
    <col min="4614" max="4615" width="12.6328125" style="4" customWidth="1"/>
    <col min="4616" max="4616" width="1.26953125" style="4" customWidth="1"/>
    <col min="4617" max="4864" width="9" style="4"/>
    <col min="4865" max="4865" width="14.453125" style="4" customWidth="1"/>
    <col min="4866" max="4867" width="12.6328125" style="4" customWidth="1"/>
    <col min="4868" max="4869" width="10.6328125" style="4" customWidth="1"/>
    <col min="4870" max="4871" width="12.6328125" style="4" customWidth="1"/>
    <col min="4872" max="4872" width="1.26953125" style="4" customWidth="1"/>
    <col min="4873" max="5120" width="9" style="4"/>
    <col min="5121" max="5121" width="14.453125" style="4" customWidth="1"/>
    <col min="5122" max="5123" width="12.6328125" style="4" customWidth="1"/>
    <col min="5124" max="5125" width="10.6328125" style="4" customWidth="1"/>
    <col min="5126" max="5127" width="12.6328125" style="4" customWidth="1"/>
    <col min="5128" max="5128" width="1.26953125" style="4" customWidth="1"/>
    <col min="5129" max="5376" width="9" style="4"/>
    <col min="5377" max="5377" width="14.453125" style="4" customWidth="1"/>
    <col min="5378" max="5379" width="12.6328125" style="4" customWidth="1"/>
    <col min="5380" max="5381" width="10.6328125" style="4" customWidth="1"/>
    <col min="5382" max="5383" width="12.6328125" style="4" customWidth="1"/>
    <col min="5384" max="5384" width="1.26953125" style="4" customWidth="1"/>
    <col min="5385" max="5632" width="9" style="4"/>
    <col min="5633" max="5633" width="14.453125" style="4" customWidth="1"/>
    <col min="5634" max="5635" width="12.6328125" style="4" customWidth="1"/>
    <col min="5636" max="5637" width="10.6328125" style="4" customWidth="1"/>
    <col min="5638" max="5639" width="12.6328125" style="4" customWidth="1"/>
    <col min="5640" max="5640" width="1.26953125" style="4" customWidth="1"/>
    <col min="5641" max="5888" width="9" style="4"/>
    <col min="5889" max="5889" width="14.453125" style="4" customWidth="1"/>
    <col min="5890" max="5891" width="12.6328125" style="4" customWidth="1"/>
    <col min="5892" max="5893" width="10.6328125" style="4" customWidth="1"/>
    <col min="5894" max="5895" width="12.6328125" style="4" customWidth="1"/>
    <col min="5896" max="5896" width="1.26953125" style="4" customWidth="1"/>
    <col min="5897" max="6144" width="9" style="4"/>
    <col min="6145" max="6145" width="14.453125" style="4" customWidth="1"/>
    <col min="6146" max="6147" width="12.6328125" style="4" customWidth="1"/>
    <col min="6148" max="6149" width="10.6328125" style="4" customWidth="1"/>
    <col min="6150" max="6151" width="12.6328125" style="4" customWidth="1"/>
    <col min="6152" max="6152" width="1.26953125" style="4" customWidth="1"/>
    <col min="6153" max="6400" width="9" style="4"/>
    <col min="6401" max="6401" width="14.453125" style="4" customWidth="1"/>
    <col min="6402" max="6403" width="12.6328125" style="4" customWidth="1"/>
    <col min="6404" max="6405" width="10.6328125" style="4" customWidth="1"/>
    <col min="6406" max="6407" width="12.6328125" style="4" customWidth="1"/>
    <col min="6408" max="6408" width="1.26953125" style="4" customWidth="1"/>
    <col min="6409" max="6656" width="9" style="4"/>
    <col min="6657" max="6657" width="14.453125" style="4" customWidth="1"/>
    <col min="6658" max="6659" width="12.6328125" style="4" customWidth="1"/>
    <col min="6660" max="6661" width="10.6328125" style="4" customWidth="1"/>
    <col min="6662" max="6663" width="12.6328125" style="4" customWidth="1"/>
    <col min="6664" max="6664" width="1.26953125" style="4" customWidth="1"/>
    <col min="6665" max="6912" width="9" style="4"/>
    <col min="6913" max="6913" width="14.453125" style="4" customWidth="1"/>
    <col min="6914" max="6915" width="12.6328125" style="4" customWidth="1"/>
    <col min="6916" max="6917" width="10.6328125" style="4" customWidth="1"/>
    <col min="6918" max="6919" width="12.6328125" style="4" customWidth="1"/>
    <col min="6920" max="6920" width="1.26953125" style="4" customWidth="1"/>
    <col min="6921" max="7168" width="9" style="4"/>
    <col min="7169" max="7169" width="14.453125" style="4" customWidth="1"/>
    <col min="7170" max="7171" width="12.6328125" style="4" customWidth="1"/>
    <col min="7172" max="7173" width="10.6328125" style="4" customWidth="1"/>
    <col min="7174" max="7175" width="12.6328125" style="4" customWidth="1"/>
    <col min="7176" max="7176" width="1.26953125" style="4" customWidth="1"/>
    <col min="7177" max="7424" width="9" style="4"/>
    <col min="7425" max="7425" width="14.453125" style="4" customWidth="1"/>
    <col min="7426" max="7427" width="12.6328125" style="4" customWidth="1"/>
    <col min="7428" max="7429" width="10.6328125" style="4" customWidth="1"/>
    <col min="7430" max="7431" width="12.6328125" style="4" customWidth="1"/>
    <col min="7432" max="7432" width="1.26953125" style="4" customWidth="1"/>
    <col min="7433" max="7680" width="9" style="4"/>
    <col min="7681" max="7681" width="14.453125" style="4" customWidth="1"/>
    <col min="7682" max="7683" width="12.6328125" style="4" customWidth="1"/>
    <col min="7684" max="7685" width="10.6328125" style="4" customWidth="1"/>
    <col min="7686" max="7687" width="12.6328125" style="4" customWidth="1"/>
    <col min="7688" max="7688" width="1.26953125" style="4" customWidth="1"/>
    <col min="7689" max="7936" width="9" style="4"/>
    <col min="7937" max="7937" width="14.453125" style="4" customWidth="1"/>
    <col min="7938" max="7939" width="12.6328125" style="4" customWidth="1"/>
    <col min="7940" max="7941" width="10.6328125" style="4" customWidth="1"/>
    <col min="7942" max="7943" width="12.6328125" style="4" customWidth="1"/>
    <col min="7944" max="7944" width="1.26953125" style="4" customWidth="1"/>
    <col min="7945" max="8192" width="9" style="4"/>
    <col min="8193" max="8193" width="14.453125" style="4" customWidth="1"/>
    <col min="8194" max="8195" width="12.6328125" style="4" customWidth="1"/>
    <col min="8196" max="8197" width="10.6328125" style="4" customWidth="1"/>
    <col min="8198" max="8199" width="12.6328125" style="4" customWidth="1"/>
    <col min="8200" max="8200" width="1.26953125" style="4" customWidth="1"/>
    <col min="8201" max="8448" width="9" style="4"/>
    <col min="8449" max="8449" width="14.453125" style="4" customWidth="1"/>
    <col min="8450" max="8451" width="12.6328125" style="4" customWidth="1"/>
    <col min="8452" max="8453" width="10.6328125" style="4" customWidth="1"/>
    <col min="8454" max="8455" width="12.6328125" style="4" customWidth="1"/>
    <col min="8456" max="8456" width="1.26953125" style="4" customWidth="1"/>
    <col min="8457" max="8704" width="9" style="4"/>
    <col min="8705" max="8705" width="14.453125" style="4" customWidth="1"/>
    <col min="8706" max="8707" width="12.6328125" style="4" customWidth="1"/>
    <col min="8708" max="8709" width="10.6328125" style="4" customWidth="1"/>
    <col min="8710" max="8711" width="12.6328125" style="4" customWidth="1"/>
    <col min="8712" max="8712" width="1.26953125" style="4" customWidth="1"/>
    <col min="8713" max="8960" width="9" style="4"/>
    <col min="8961" max="8961" width="14.453125" style="4" customWidth="1"/>
    <col min="8962" max="8963" width="12.6328125" style="4" customWidth="1"/>
    <col min="8964" max="8965" width="10.6328125" style="4" customWidth="1"/>
    <col min="8966" max="8967" width="12.6328125" style="4" customWidth="1"/>
    <col min="8968" max="8968" width="1.26953125" style="4" customWidth="1"/>
    <col min="8969" max="9216" width="9" style="4"/>
    <col min="9217" max="9217" width="14.453125" style="4" customWidth="1"/>
    <col min="9218" max="9219" width="12.6328125" style="4" customWidth="1"/>
    <col min="9220" max="9221" width="10.6328125" style="4" customWidth="1"/>
    <col min="9222" max="9223" width="12.6328125" style="4" customWidth="1"/>
    <col min="9224" max="9224" width="1.26953125" style="4" customWidth="1"/>
    <col min="9225" max="9472" width="9" style="4"/>
    <col min="9473" max="9473" width="14.453125" style="4" customWidth="1"/>
    <col min="9474" max="9475" width="12.6328125" style="4" customWidth="1"/>
    <col min="9476" max="9477" width="10.6328125" style="4" customWidth="1"/>
    <col min="9478" max="9479" width="12.6328125" style="4" customWidth="1"/>
    <col min="9480" max="9480" width="1.26953125" style="4" customWidth="1"/>
    <col min="9481" max="9728" width="9" style="4"/>
    <col min="9729" max="9729" width="14.453125" style="4" customWidth="1"/>
    <col min="9730" max="9731" width="12.6328125" style="4" customWidth="1"/>
    <col min="9732" max="9733" width="10.6328125" style="4" customWidth="1"/>
    <col min="9734" max="9735" width="12.6328125" style="4" customWidth="1"/>
    <col min="9736" max="9736" width="1.26953125" style="4" customWidth="1"/>
    <col min="9737" max="9984" width="9" style="4"/>
    <col min="9985" max="9985" width="14.453125" style="4" customWidth="1"/>
    <col min="9986" max="9987" width="12.6328125" style="4" customWidth="1"/>
    <col min="9988" max="9989" width="10.6328125" style="4" customWidth="1"/>
    <col min="9990" max="9991" width="12.6328125" style="4" customWidth="1"/>
    <col min="9992" max="9992" width="1.26953125" style="4" customWidth="1"/>
    <col min="9993" max="10240" width="9" style="4"/>
    <col min="10241" max="10241" width="14.453125" style="4" customWidth="1"/>
    <col min="10242" max="10243" width="12.6328125" style="4" customWidth="1"/>
    <col min="10244" max="10245" width="10.6328125" style="4" customWidth="1"/>
    <col min="10246" max="10247" width="12.6328125" style="4" customWidth="1"/>
    <col min="10248" max="10248" width="1.26953125" style="4" customWidth="1"/>
    <col min="10249" max="10496" width="9" style="4"/>
    <col min="10497" max="10497" width="14.453125" style="4" customWidth="1"/>
    <col min="10498" max="10499" width="12.6328125" style="4" customWidth="1"/>
    <col min="10500" max="10501" width="10.6328125" style="4" customWidth="1"/>
    <col min="10502" max="10503" width="12.6328125" style="4" customWidth="1"/>
    <col min="10504" max="10504" width="1.26953125" style="4" customWidth="1"/>
    <col min="10505" max="10752" width="9" style="4"/>
    <col min="10753" max="10753" width="14.453125" style="4" customWidth="1"/>
    <col min="10754" max="10755" width="12.6328125" style="4" customWidth="1"/>
    <col min="10756" max="10757" width="10.6328125" style="4" customWidth="1"/>
    <col min="10758" max="10759" width="12.6328125" style="4" customWidth="1"/>
    <col min="10760" max="10760" width="1.26953125" style="4" customWidth="1"/>
    <col min="10761" max="11008" width="9" style="4"/>
    <col min="11009" max="11009" width="14.453125" style="4" customWidth="1"/>
    <col min="11010" max="11011" width="12.6328125" style="4" customWidth="1"/>
    <col min="11012" max="11013" width="10.6328125" style="4" customWidth="1"/>
    <col min="11014" max="11015" width="12.6328125" style="4" customWidth="1"/>
    <col min="11016" max="11016" width="1.26953125" style="4" customWidth="1"/>
    <col min="11017" max="11264" width="9" style="4"/>
    <col min="11265" max="11265" width="14.453125" style="4" customWidth="1"/>
    <col min="11266" max="11267" width="12.6328125" style="4" customWidth="1"/>
    <col min="11268" max="11269" width="10.6328125" style="4" customWidth="1"/>
    <col min="11270" max="11271" width="12.6328125" style="4" customWidth="1"/>
    <col min="11272" max="11272" width="1.26953125" style="4" customWidth="1"/>
    <col min="11273" max="11520" width="9" style="4"/>
    <col min="11521" max="11521" width="14.453125" style="4" customWidth="1"/>
    <col min="11522" max="11523" width="12.6328125" style="4" customWidth="1"/>
    <col min="11524" max="11525" width="10.6328125" style="4" customWidth="1"/>
    <col min="11526" max="11527" width="12.6328125" style="4" customWidth="1"/>
    <col min="11528" max="11528" width="1.26953125" style="4" customWidth="1"/>
    <col min="11529" max="11776" width="9" style="4"/>
    <col min="11777" max="11777" width="14.453125" style="4" customWidth="1"/>
    <col min="11778" max="11779" width="12.6328125" style="4" customWidth="1"/>
    <col min="11780" max="11781" width="10.6328125" style="4" customWidth="1"/>
    <col min="11782" max="11783" width="12.6328125" style="4" customWidth="1"/>
    <col min="11784" max="11784" width="1.26953125" style="4" customWidth="1"/>
    <col min="11785" max="12032" width="9" style="4"/>
    <col min="12033" max="12033" width="14.453125" style="4" customWidth="1"/>
    <col min="12034" max="12035" width="12.6328125" style="4" customWidth="1"/>
    <col min="12036" max="12037" width="10.6328125" style="4" customWidth="1"/>
    <col min="12038" max="12039" width="12.6328125" style="4" customWidth="1"/>
    <col min="12040" max="12040" width="1.26953125" style="4" customWidth="1"/>
    <col min="12041" max="12288" width="9" style="4"/>
    <col min="12289" max="12289" width="14.453125" style="4" customWidth="1"/>
    <col min="12290" max="12291" width="12.6328125" style="4" customWidth="1"/>
    <col min="12292" max="12293" width="10.6328125" style="4" customWidth="1"/>
    <col min="12294" max="12295" width="12.6328125" style="4" customWidth="1"/>
    <col min="12296" max="12296" width="1.26953125" style="4" customWidth="1"/>
    <col min="12297" max="12544" width="9" style="4"/>
    <col min="12545" max="12545" width="14.453125" style="4" customWidth="1"/>
    <col min="12546" max="12547" width="12.6328125" style="4" customWidth="1"/>
    <col min="12548" max="12549" width="10.6328125" style="4" customWidth="1"/>
    <col min="12550" max="12551" width="12.6328125" style="4" customWidth="1"/>
    <col min="12552" max="12552" width="1.26953125" style="4" customWidth="1"/>
    <col min="12553" max="12800" width="9" style="4"/>
    <col min="12801" max="12801" width="14.453125" style="4" customWidth="1"/>
    <col min="12802" max="12803" width="12.6328125" style="4" customWidth="1"/>
    <col min="12804" max="12805" width="10.6328125" style="4" customWidth="1"/>
    <col min="12806" max="12807" width="12.6328125" style="4" customWidth="1"/>
    <col min="12808" max="12808" width="1.26953125" style="4" customWidth="1"/>
    <col min="12809" max="13056" width="9" style="4"/>
    <col min="13057" max="13057" width="14.453125" style="4" customWidth="1"/>
    <col min="13058" max="13059" width="12.6328125" style="4" customWidth="1"/>
    <col min="13060" max="13061" width="10.6328125" style="4" customWidth="1"/>
    <col min="13062" max="13063" width="12.6328125" style="4" customWidth="1"/>
    <col min="13064" max="13064" width="1.26953125" style="4" customWidth="1"/>
    <col min="13065" max="13312" width="9" style="4"/>
    <col min="13313" max="13313" width="14.453125" style="4" customWidth="1"/>
    <col min="13314" max="13315" width="12.6328125" style="4" customWidth="1"/>
    <col min="13316" max="13317" width="10.6328125" style="4" customWidth="1"/>
    <col min="13318" max="13319" width="12.6328125" style="4" customWidth="1"/>
    <col min="13320" max="13320" width="1.26953125" style="4" customWidth="1"/>
    <col min="13321" max="13568" width="9" style="4"/>
    <col min="13569" max="13569" width="14.453125" style="4" customWidth="1"/>
    <col min="13570" max="13571" width="12.6328125" style="4" customWidth="1"/>
    <col min="13572" max="13573" width="10.6328125" style="4" customWidth="1"/>
    <col min="13574" max="13575" width="12.6328125" style="4" customWidth="1"/>
    <col min="13576" max="13576" width="1.26953125" style="4" customWidth="1"/>
    <col min="13577" max="13824" width="9" style="4"/>
    <col min="13825" max="13825" width="14.453125" style="4" customWidth="1"/>
    <col min="13826" max="13827" width="12.6328125" style="4" customWidth="1"/>
    <col min="13828" max="13829" width="10.6328125" style="4" customWidth="1"/>
    <col min="13830" max="13831" width="12.6328125" style="4" customWidth="1"/>
    <col min="13832" max="13832" width="1.26953125" style="4" customWidth="1"/>
    <col min="13833" max="14080" width="9" style="4"/>
    <col min="14081" max="14081" width="14.453125" style="4" customWidth="1"/>
    <col min="14082" max="14083" width="12.6328125" style="4" customWidth="1"/>
    <col min="14084" max="14085" width="10.6328125" style="4" customWidth="1"/>
    <col min="14086" max="14087" width="12.6328125" style="4" customWidth="1"/>
    <col min="14088" max="14088" width="1.26953125" style="4" customWidth="1"/>
    <col min="14089" max="14336" width="9" style="4"/>
    <col min="14337" max="14337" width="14.453125" style="4" customWidth="1"/>
    <col min="14338" max="14339" width="12.6328125" style="4" customWidth="1"/>
    <col min="14340" max="14341" width="10.6328125" style="4" customWidth="1"/>
    <col min="14342" max="14343" width="12.6328125" style="4" customWidth="1"/>
    <col min="14344" max="14344" width="1.26953125" style="4" customWidth="1"/>
    <col min="14345" max="14592" width="9" style="4"/>
    <col min="14593" max="14593" width="14.453125" style="4" customWidth="1"/>
    <col min="14594" max="14595" width="12.6328125" style="4" customWidth="1"/>
    <col min="14596" max="14597" width="10.6328125" style="4" customWidth="1"/>
    <col min="14598" max="14599" width="12.6328125" style="4" customWidth="1"/>
    <col min="14600" max="14600" width="1.26953125" style="4" customWidth="1"/>
    <col min="14601" max="14848" width="9" style="4"/>
    <col min="14849" max="14849" width="14.453125" style="4" customWidth="1"/>
    <col min="14850" max="14851" width="12.6328125" style="4" customWidth="1"/>
    <col min="14852" max="14853" width="10.6328125" style="4" customWidth="1"/>
    <col min="14854" max="14855" width="12.6328125" style="4" customWidth="1"/>
    <col min="14856" max="14856" width="1.26953125" style="4" customWidth="1"/>
    <col min="14857" max="15104" width="9" style="4"/>
    <col min="15105" max="15105" width="14.453125" style="4" customWidth="1"/>
    <col min="15106" max="15107" width="12.6328125" style="4" customWidth="1"/>
    <col min="15108" max="15109" width="10.6328125" style="4" customWidth="1"/>
    <col min="15110" max="15111" width="12.6328125" style="4" customWidth="1"/>
    <col min="15112" max="15112" width="1.26953125" style="4" customWidth="1"/>
    <col min="15113" max="15360" width="9" style="4"/>
    <col min="15361" max="15361" width="14.453125" style="4" customWidth="1"/>
    <col min="15362" max="15363" width="12.6328125" style="4" customWidth="1"/>
    <col min="15364" max="15365" width="10.6328125" style="4" customWidth="1"/>
    <col min="15366" max="15367" width="12.6328125" style="4" customWidth="1"/>
    <col min="15368" max="15368" width="1.26953125" style="4" customWidth="1"/>
    <col min="15369" max="15616" width="9" style="4"/>
    <col min="15617" max="15617" width="14.453125" style="4" customWidth="1"/>
    <col min="15618" max="15619" width="12.6328125" style="4" customWidth="1"/>
    <col min="15620" max="15621" width="10.6328125" style="4" customWidth="1"/>
    <col min="15622" max="15623" width="12.6328125" style="4" customWidth="1"/>
    <col min="15624" max="15624" width="1.26953125" style="4" customWidth="1"/>
    <col min="15625" max="15872" width="9" style="4"/>
    <col min="15873" max="15873" width="14.453125" style="4" customWidth="1"/>
    <col min="15874" max="15875" width="12.6328125" style="4" customWidth="1"/>
    <col min="15876" max="15877" width="10.6328125" style="4" customWidth="1"/>
    <col min="15878" max="15879" width="12.6328125" style="4" customWidth="1"/>
    <col min="15880" max="15880" width="1.26953125" style="4" customWidth="1"/>
    <col min="15881" max="16128" width="9" style="4"/>
    <col min="16129" max="16129" width="14.453125" style="4" customWidth="1"/>
    <col min="16130" max="16131" width="12.6328125" style="4" customWidth="1"/>
    <col min="16132" max="16133" width="10.6328125" style="4" customWidth="1"/>
    <col min="16134" max="16135" width="12.6328125" style="4" customWidth="1"/>
    <col min="16136" max="16136" width="1.26953125" style="4" customWidth="1"/>
    <col min="16137" max="16384" width="9" style="4"/>
  </cols>
  <sheetData>
    <row r="1" spans="1:7" ht="15" customHeight="1">
      <c r="A1" s="1" t="s">
        <v>147</v>
      </c>
    </row>
    <row r="2" spans="1:7" ht="21" customHeight="1">
      <c r="A2" s="452" t="s">
        <v>238</v>
      </c>
      <c r="B2" s="452"/>
      <c r="C2" s="452"/>
      <c r="D2" s="452"/>
      <c r="E2" s="452"/>
      <c r="F2" s="452"/>
      <c r="G2" s="452"/>
    </row>
    <row r="4" spans="1:7" ht="18" customHeight="1">
      <c r="A4" s="118" t="s">
        <v>239</v>
      </c>
    </row>
    <row r="6" spans="1:7" ht="18" customHeight="1">
      <c r="A6" s="4" t="s">
        <v>240</v>
      </c>
    </row>
    <row r="7" spans="1:7" ht="18" customHeight="1">
      <c r="A7" s="493" t="s">
        <v>7</v>
      </c>
      <c r="B7" s="517"/>
      <c r="C7" s="494"/>
      <c r="D7" s="493" t="s">
        <v>241</v>
      </c>
      <c r="E7" s="494"/>
      <c r="F7" s="493" t="s">
        <v>89</v>
      </c>
      <c r="G7" s="494"/>
    </row>
    <row r="8" spans="1:7" ht="18" customHeight="1">
      <c r="A8" s="74" t="s">
        <v>242</v>
      </c>
      <c r="B8" s="74" t="s">
        <v>243</v>
      </c>
      <c r="C8" s="73" t="s">
        <v>244</v>
      </c>
      <c r="D8" s="559"/>
      <c r="E8" s="560"/>
      <c r="F8" s="563"/>
      <c r="G8" s="564"/>
    </row>
    <row r="9" spans="1:7" ht="18" customHeight="1">
      <c r="A9" s="159"/>
      <c r="B9" s="159"/>
      <c r="C9" s="73" t="s">
        <v>245</v>
      </c>
      <c r="D9" s="559"/>
      <c r="E9" s="560"/>
      <c r="F9" s="563"/>
      <c r="G9" s="564"/>
    </row>
    <row r="10" spans="1:7" ht="18" customHeight="1">
      <c r="A10" s="159"/>
      <c r="B10" s="159"/>
      <c r="C10" s="73" t="s">
        <v>246</v>
      </c>
      <c r="D10" s="559"/>
      <c r="E10" s="560"/>
      <c r="F10" s="563"/>
      <c r="G10" s="564"/>
    </row>
    <row r="11" spans="1:7" ht="18" customHeight="1">
      <c r="A11" s="159"/>
      <c r="B11" s="159"/>
      <c r="C11" s="73" t="s">
        <v>247</v>
      </c>
      <c r="D11" s="559"/>
      <c r="E11" s="560"/>
      <c r="F11" s="563"/>
      <c r="G11" s="564"/>
    </row>
    <row r="12" spans="1:7" ht="18" customHeight="1">
      <c r="A12" s="159"/>
      <c r="B12" s="160"/>
      <c r="C12" s="73" t="s">
        <v>248</v>
      </c>
      <c r="D12" s="559"/>
      <c r="E12" s="560"/>
      <c r="F12" s="563"/>
      <c r="G12" s="564"/>
    </row>
    <row r="13" spans="1:7" s="201" customFormat="1" ht="18" customHeight="1">
      <c r="A13" s="159"/>
      <c r="B13" s="161" t="s">
        <v>302</v>
      </c>
      <c r="C13" s="162"/>
      <c r="D13" s="559"/>
      <c r="E13" s="560"/>
      <c r="F13" s="563"/>
      <c r="G13" s="564"/>
    </row>
    <row r="14" spans="1:7" s="201" customFormat="1" ht="18" customHeight="1">
      <c r="A14" s="159"/>
      <c r="B14" s="202" t="s">
        <v>301</v>
      </c>
      <c r="C14" s="162"/>
      <c r="D14" s="559"/>
      <c r="E14" s="560"/>
      <c r="F14" s="563"/>
      <c r="G14" s="564"/>
    </row>
    <row r="15" spans="1:7" ht="18" customHeight="1">
      <c r="A15" s="159"/>
      <c r="B15" s="161" t="s">
        <v>303</v>
      </c>
      <c r="C15" s="162"/>
      <c r="D15" s="559"/>
      <c r="E15" s="560"/>
      <c r="F15" s="563"/>
      <c r="G15" s="564"/>
    </row>
    <row r="16" spans="1:7" ht="18" customHeight="1">
      <c r="A16" s="160"/>
      <c r="B16" s="73" t="s">
        <v>249</v>
      </c>
      <c r="C16" s="73"/>
      <c r="D16" s="559"/>
      <c r="E16" s="560"/>
      <c r="F16" s="563"/>
      <c r="G16" s="564"/>
    </row>
    <row r="17" spans="1:7" ht="18" customHeight="1">
      <c r="A17" s="74" t="s">
        <v>250</v>
      </c>
      <c r="B17" s="161" t="s">
        <v>251</v>
      </c>
      <c r="C17" s="162"/>
      <c r="D17" s="559"/>
      <c r="E17" s="560"/>
      <c r="F17" s="568" t="s">
        <v>300</v>
      </c>
      <c r="G17" s="569"/>
    </row>
    <row r="18" spans="1:7" ht="18" customHeight="1">
      <c r="A18" s="159"/>
      <c r="B18" s="161" t="s">
        <v>252</v>
      </c>
      <c r="C18" s="162"/>
      <c r="D18" s="559"/>
      <c r="E18" s="560"/>
      <c r="F18" s="563"/>
      <c r="G18" s="564"/>
    </row>
    <row r="19" spans="1:7" ht="18" customHeight="1">
      <c r="A19" s="160"/>
      <c r="B19" s="161" t="s">
        <v>48</v>
      </c>
      <c r="C19" s="162"/>
      <c r="D19" s="559"/>
      <c r="E19" s="560"/>
      <c r="F19" s="563"/>
      <c r="G19" s="564"/>
    </row>
    <row r="20" spans="1:7" ht="18" customHeight="1">
      <c r="A20" s="74" t="s">
        <v>253</v>
      </c>
      <c r="B20" s="161" t="s">
        <v>254</v>
      </c>
      <c r="C20" s="162"/>
      <c r="D20" s="559"/>
      <c r="E20" s="560"/>
      <c r="F20" s="563"/>
      <c r="G20" s="564"/>
    </row>
    <row r="21" spans="1:7" ht="18" customHeight="1">
      <c r="A21" s="159" t="s">
        <v>254</v>
      </c>
      <c r="B21" s="161" t="s">
        <v>255</v>
      </c>
      <c r="C21" s="162"/>
      <c r="D21" s="559"/>
      <c r="E21" s="560"/>
      <c r="F21" s="563"/>
      <c r="G21" s="564"/>
    </row>
    <row r="22" spans="1:7" ht="18" customHeight="1">
      <c r="A22" s="160"/>
      <c r="B22" s="161" t="s">
        <v>48</v>
      </c>
      <c r="C22" s="162"/>
      <c r="D22" s="559"/>
      <c r="E22" s="560"/>
      <c r="F22" s="563"/>
      <c r="G22" s="564"/>
    </row>
    <row r="23" spans="1:7" ht="18" customHeight="1" thickBot="1">
      <c r="A23" s="565" t="s">
        <v>256</v>
      </c>
      <c r="B23" s="566"/>
      <c r="C23" s="567"/>
      <c r="D23" s="561"/>
      <c r="E23" s="562"/>
      <c r="F23" s="563"/>
      <c r="G23" s="564"/>
    </row>
    <row r="24" spans="1:7" ht="18" customHeight="1" thickTop="1">
      <c r="A24" s="554" t="s">
        <v>136</v>
      </c>
      <c r="B24" s="555"/>
      <c r="C24" s="556"/>
      <c r="D24" s="552"/>
      <c r="E24" s="553"/>
      <c r="F24" s="557"/>
      <c r="G24" s="558"/>
    </row>
    <row r="26" spans="1:7" ht="18" customHeight="1">
      <c r="A26" s="4" t="s">
        <v>257</v>
      </c>
    </row>
    <row r="27" spans="1:7" ht="18" customHeight="1">
      <c r="A27" s="493" t="s">
        <v>7</v>
      </c>
      <c r="B27" s="517"/>
      <c r="C27" s="494"/>
      <c r="D27" s="493" t="s">
        <v>241</v>
      </c>
      <c r="E27" s="494"/>
      <c r="F27" s="493" t="s">
        <v>89</v>
      </c>
      <c r="G27" s="494"/>
    </row>
    <row r="28" spans="1:7" ht="18" customHeight="1">
      <c r="A28" s="161" t="s">
        <v>258</v>
      </c>
      <c r="B28" s="122"/>
      <c r="C28" s="163"/>
      <c r="D28" s="559"/>
      <c r="E28" s="560"/>
      <c r="F28" s="563"/>
      <c r="G28" s="564"/>
    </row>
    <row r="29" spans="1:7" ht="18" customHeight="1">
      <c r="A29" s="161" t="s">
        <v>259</v>
      </c>
      <c r="B29" s="122"/>
      <c r="C29" s="163"/>
      <c r="D29" s="559"/>
      <c r="E29" s="560"/>
      <c r="F29" s="563"/>
      <c r="G29" s="564"/>
    </row>
    <row r="30" spans="1:7" ht="18" customHeight="1">
      <c r="A30" s="161" t="s">
        <v>260</v>
      </c>
      <c r="B30" s="122"/>
      <c r="C30" s="163"/>
      <c r="D30" s="559"/>
      <c r="E30" s="560"/>
      <c r="F30" s="563"/>
      <c r="G30" s="564"/>
    </row>
    <row r="31" spans="1:7" ht="18" customHeight="1">
      <c r="A31" s="161" t="s">
        <v>261</v>
      </c>
      <c r="B31" s="122"/>
      <c r="C31" s="163"/>
      <c r="D31" s="559"/>
      <c r="E31" s="560"/>
      <c r="F31" s="563"/>
      <c r="G31" s="564"/>
    </row>
    <row r="32" spans="1:7" ht="18" customHeight="1" thickBot="1">
      <c r="A32" s="164" t="s">
        <v>262</v>
      </c>
      <c r="B32" s="138"/>
      <c r="C32" s="165"/>
      <c r="D32" s="559"/>
      <c r="E32" s="560"/>
      <c r="F32" s="563"/>
      <c r="G32" s="564"/>
    </row>
    <row r="33" spans="1:8" ht="18" customHeight="1" thickTop="1">
      <c r="A33" s="554" t="s">
        <v>136</v>
      </c>
      <c r="B33" s="555"/>
      <c r="C33" s="556"/>
      <c r="D33" s="552"/>
      <c r="E33" s="553"/>
      <c r="F33" s="557"/>
      <c r="G33" s="558"/>
    </row>
    <row r="35" spans="1:8" ht="18" customHeight="1">
      <c r="A35" s="20" t="s">
        <v>263</v>
      </c>
    </row>
    <row r="36" spans="1:8" ht="18" customHeight="1">
      <c r="A36" s="64" t="s">
        <v>264</v>
      </c>
      <c r="B36" s="64" t="s">
        <v>265</v>
      </c>
      <c r="C36" s="64" t="s">
        <v>266</v>
      </c>
      <c r="D36" s="493" t="s">
        <v>126</v>
      </c>
      <c r="E36" s="494"/>
      <c r="F36" s="64" t="s">
        <v>267</v>
      </c>
      <c r="G36" s="149" t="s">
        <v>268</v>
      </c>
    </row>
    <row r="37" spans="1:8" ht="18" customHeight="1">
      <c r="A37" s="68"/>
      <c r="B37" s="166"/>
      <c r="C37" s="166"/>
      <c r="D37" s="559"/>
      <c r="E37" s="560"/>
      <c r="F37" s="68"/>
      <c r="G37" s="166"/>
    </row>
    <row r="38" spans="1:8" ht="18" customHeight="1" thickBot="1">
      <c r="A38" s="75"/>
      <c r="B38" s="167"/>
      <c r="C38" s="167"/>
      <c r="D38" s="561"/>
      <c r="E38" s="562"/>
      <c r="F38" s="75"/>
      <c r="G38" s="167"/>
    </row>
    <row r="39" spans="1:8" ht="18" customHeight="1" thickTop="1">
      <c r="A39" s="168" t="s">
        <v>133</v>
      </c>
      <c r="B39" s="169"/>
      <c r="C39" s="169"/>
      <c r="D39" s="552"/>
      <c r="E39" s="553"/>
      <c r="F39" s="79"/>
      <c r="G39" s="169"/>
    </row>
    <row r="40" spans="1:8">
      <c r="A40" s="170" t="s">
        <v>380</v>
      </c>
      <c r="B40" s="71"/>
    </row>
    <row r="42" spans="1:8" ht="18" customHeight="1">
      <c r="A42" s="171" t="s">
        <v>269</v>
      </c>
    </row>
    <row r="43" spans="1:8" ht="18" customHeight="1">
      <c r="A43" s="64" t="s">
        <v>270</v>
      </c>
      <c r="B43" s="64" t="s">
        <v>271</v>
      </c>
      <c r="C43" s="64" t="s">
        <v>272</v>
      </c>
      <c r="D43" s="64" t="s">
        <v>273</v>
      </c>
      <c r="E43" s="493" t="s">
        <v>274</v>
      </c>
      <c r="F43" s="517"/>
      <c r="G43" s="494"/>
      <c r="H43" s="172"/>
    </row>
    <row r="44" spans="1:8" ht="18" customHeight="1">
      <c r="A44" s="173"/>
      <c r="B44" s="173"/>
      <c r="C44" s="173"/>
      <c r="D44" s="174"/>
      <c r="E44" s="475"/>
      <c r="F44" s="476"/>
      <c r="G44" s="477"/>
      <c r="H44" s="175"/>
    </row>
  </sheetData>
  <mergeCells count="62">
    <mergeCell ref="A2:G2"/>
    <mergeCell ref="A7:C7"/>
    <mergeCell ref="D7:E7"/>
    <mergeCell ref="F7:G7"/>
    <mergeCell ref="D8:E8"/>
    <mergeCell ref="F8:G8"/>
    <mergeCell ref="D9:E9"/>
    <mergeCell ref="F9:G9"/>
    <mergeCell ref="D10:E10"/>
    <mergeCell ref="F10:G10"/>
    <mergeCell ref="D11:E11"/>
    <mergeCell ref="F11:G11"/>
    <mergeCell ref="D12:E12"/>
    <mergeCell ref="F12:G12"/>
    <mergeCell ref="D15:E15"/>
    <mergeCell ref="F15:G15"/>
    <mergeCell ref="D16:E16"/>
    <mergeCell ref="F16:G16"/>
    <mergeCell ref="D13:E13"/>
    <mergeCell ref="D14:E14"/>
    <mergeCell ref="F13:G13"/>
    <mergeCell ref="F14:G14"/>
    <mergeCell ref="D17:E17"/>
    <mergeCell ref="F17:G17"/>
    <mergeCell ref="D18:E18"/>
    <mergeCell ref="F18:G18"/>
    <mergeCell ref="D19:E19"/>
    <mergeCell ref="F19:G19"/>
    <mergeCell ref="D20:E20"/>
    <mergeCell ref="F20:G20"/>
    <mergeCell ref="D21:E21"/>
    <mergeCell ref="F21:G21"/>
    <mergeCell ref="D22:E22"/>
    <mergeCell ref="F22:G22"/>
    <mergeCell ref="D29:E29"/>
    <mergeCell ref="F29:G29"/>
    <mergeCell ref="A23:C23"/>
    <mergeCell ref="D23:E23"/>
    <mergeCell ref="F23:G23"/>
    <mergeCell ref="A24:C24"/>
    <mergeCell ref="D24:E24"/>
    <mergeCell ref="F24:G24"/>
    <mergeCell ref="A27:C27"/>
    <mergeCell ref="D27:E27"/>
    <mergeCell ref="F27:G27"/>
    <mergeCell ref="D28:E28"/>
    <mergeCell ref="F28:G28"/>
    <mergeCell ref="D30:E30"/>
    <mergeCell ref="F30:G30"/>
    <mergeCell ref="D31:E31"/>
    <mergeCell ref="F31:G31"/>
    <mergeCell ref="D32:E32"/>
    <mergeCell ref="F32:G32"/>
    <mergeCell ref="D39:E39"/>
    <mergeCell ref="E43:G43"/>
    <mergeCell ref="E44:G44"/>
    <mergeCell ref="A33:C33"/>
    <mergeCell ref="D33:E33"/>
    <mergeCell ref="F33:G33"/>
    <mergeCell ref="D36:E36"/>
    <mergeCell ref="D37:E37"/>
    <mergeCell ref="D38:E38"/>
  </mergeCells>
  <phoneticPr fontId="4"/>
  <pageMargins left="0.82677165354330717" right="0.70866141732283472" top="0.82677165354330717" bottom="0.74803149606299213" header="0.31496062992125984" footer="0.31496062992125984"/>
  <pageSetup paperSize="9"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FFFF00"/>
  </sheetPr>
  <dimension ref="A1:F72"/>
  <sheetViews>
    <sheetView topLeftCell="A55" zoomScaleNormal="100" zoomScaleSheetLayoutView="79" workbookViewId="0">
      <selection activeCell="E66" sqref="E66"/>
    </sheetView>
  </sheetViews>
  <sheetFormatPr defaultColWidth="9" defaultRowHeight="11"/>
  <cols>
    <col min="1" max="1" width="12" style="209" customWidth="1"/>
    <col min="2" max="2" width="14.6328125" style="209" customWidth="1"/>
    <col min="3" max="3" width="18.7265625" style="209" customWidth="1"/>
    <col min="4" max="4" width="15.08984375" style="209" customWidth="1"/>
    <col min="5" max="5" width="21.26953125" style="247" customWidth="1"/>
    <col min="6" max="6" width="25.90625" style="209" customWidth="1"/>
    <col min="7" max="16384" width="9" style="209"/>
  </cols>
  <sheetData>
    <row r="1" spans="1:6" ht="12.75" customHeight="1">
      <c r="A1" s="248" t="s">
        <v>377</v>
      </c>
    </row>
    <row r="2" spans="1:6">
      <c r="A2" s="208" t="s">
        <v>452</v>
      </c>
      <c r="B2" s="208"/>
      <c r="C2" s="208"/>
      <c r="D2" s="208"/>
      <c r="E2" s="208"/>
    </row>
    <row r="3" spans="1:6" ht="11.5" thickBot="1">
      <c r="B3" s="250" t="s">
        <v>478</v>
      </c>
      <c r="C3" s="210"/>
      <c r="E3" s="209"/>
      <c r="F3" s="211" t="s">
        <v>320</v>
      </c>
    </row>
    <row r="4" spans="1:6" ht="11.5" thickBot="1">
      <c r="A4" s="606" t="s">
        <v>321</v>
      </c>
      <c r="B4" s="607"/>
      <c r="C4" s="607"/>
      <c r="D4" s="607"/>
      <c r="E4" s="212" t="s">
        <v>453</v>
      </c>
      <c r="F4" s="213" t="s">
        <v>322</v>
      </c>
    </row>
    <row r="5" spans="1:6" ht="14.15" customHeight="1" thickTop="1">
      <c r="A5" s="608" t="s">
        <v>323</v>
      </c>
      <c r="B5" s="276" t="s">
        <v>450</v>
      </c>
      <c r="C5" s="276" t="s">
        <v>451</v>
      </c>
      <c r="D5" s="277" t="s">
        <v>454</v>
      </c>
      <c r="E5" s="215"/>
      <c r="F5" s="216"/>
    </row>
    <row r="6" spans="1:6" ht="14.15" customHeight="1">
      <c r="A6" s="608"/>
      <c r="B6" s="278"/>
      <c r="C6" s="279"/>
      <c r="D6" s="277" t="s">
        <v>455</v>
      </c>
      <c r="E6" s="215"/>
      <c r="F6" s="217"/>
    </row>
    <row r="7" spans="1:6" ht="14.15" customHeight="1">
      <c r="A7" s="609"/>
      <c r="B7" s="278"/>
      <c r="C7" s="278"/>
      <c r="D7" s="280" t="s">
        <v>456</v>
      </c>
      <c r="E7" s="218"/>
      <c r="F7" s="219"/>
    </row>
    <row r="8" spans="1:6" ht="14.15" customHeight="1">
      <c r="A8" s="609"/>
      <c r="B8" s="278"/>
      <c r="C8" s="278"/>
      <c r="D8" s="277" t="s">
        <v>457</v>
      </c>
      <c r="E8" s="218"/>
      <c r="F8" s="219"/>
    </row>
    <row r="9" spans="1:6" ht="14.15" customHeight="1">
      <c r="A9" s="609"/>
      <c r="B9" s="278"/>
      <c r="C9" s="278"/>
      <c r="D9" s="277" t="s">
        <v>458</v>
      </c>
      <c r="E9" s="218"/>
      <c r="F9" s="219"/>
    </row>
    <row r="10" spans="1:6" ht="14.15" customHeight="1">
      <c r="A10" s="609"/>
      <c r="B10" s="278"/>
      <c r="C10" s="281"/>
      <c r="D10" s="280"/>
      <c r="E10" s="218"/>
      <c r="F10" s="219"/>
    </row>
    <row r="11" spans="1:6" ht="14.15" customHeight="1">
      <c r="A11" s="609"/>
      <c r="B11" s="214"/>
      <c r="C11" s="278" t="s">
        <v>324</v>
      </c>
      <c r="D11" s="277" t="s">
        <v>325</v>
      </c>
      <c r="E11" s="218"/>
      <c r="F11" s="219"/>
    </row>
    <row r="12" spans="1:6" ht="14.15" customHeight="1">
      <c r="A12" s="609"/>
      <c r="B12" s="214"/>
      <c r="C12" s="278"/>
      <c r="D12" s="280" t="s">
        <v>326</v>
      </c>
      <c r="E12" s="218"/>
      <c r="F12" s="219"/>
    </row>
    <row r="13" spans="1:6" ht="14.15" customHeight="1">
      <c r="A13" s="609"/>
      <c r="B13" s="220"/>
      <c r="C13" s="220"/>
      <c r="D13" s="221"/>
      <c r="E13" s="218"/>
      <c r="F13" s="219"/>
    </row>
    <row r="14" spans="1:6" ht="14.15" customHeight="1">
      <c r="A14" s="609"/>
      <c r="B14" s="222" t="s">
        <v>327</v>
      </c>
      <c r="C14" s="223"/>
      <c r="D14" s="224"/>
      <c r="E14" s="218"/>
      <c r="F14" s="219"/>
    </row>
    <row r="15" spans="1:6" ht="14.15" customHeight="1">
      <c r="A15" s="609"/>
      <c r="B15" s="222" t="s">
        <v>328</v>
      </c>
      <c r="C15" s="223"/>
      <c r="D15" s="224"/>
      <c r="E15" s="218"/>
      <c r="F15" s="219"/>
    </row>
    <row r="16" spans="1:6" ht="14.15" customHeight="1">
      <c r="A16" s="609"/>
      <c r="B16" s="225" t="s">
        <v>329</v>
      </c>
      <c r="C16" s="226"/>
      <c r="D16" s="224"/>
      <c r="E16" s="218"/>
      <c r="F16" s="219"/>
    </row>
    <row r="17" spans="1:6" ht="14.15" customHeight="1">
      <c r="A17" s="609"/>
      <c r="B17" s="578" t="s">
        <v>330</v>
      </c>
      <c r="C17" s="594"/>
      <c r="D17" s="595"/>
      <c r="E17" s="227">
        <f>SUM(E5:E16)</f>
        <v>0</v>
      </c>
      <c r="F17" s="219"/>
    </row>
    <row r="18" spans="1:6" ht="14.15" customHeight="1">
      <c r="A18" s="610" t="s">
        <v>331</v>
      </c>
      <c r="B18" s="228" t="s">
        <v>332</v>
      </c>
      <c r="C18" s="226" t="s">
        <v>333</v>
      </c>
      <c r="D18" s="224"/>
      <c r="E18" s="218"/>
      <c r="F18" s="219"/>
    </row>
    <row r="19" spans="1:6" ht="14.15" customHeight="1">
      <c r="A19" s="611"/>
      <c r="B19" s="229"/>
      <c r="C19" s="226" t="s">
        <v>334</v>
      </c>
      <c r="D19" s="224"/>
      <c r="E19" s="218"/>
      <c r="F19" s="219" t="s">
        <v>335</v>
      </c>
    </row>
    <row r="20" spans="1:6" ht="14.15" customHeight="1">
      <c r="A20" s="611"/>
      <c r="B20" s="229"/>
      <c r="C20" s="226" t="s">
        <v>336</v>
      </c>
      <c r="D20" s="224"/>
      <c r="E20" s="218"/>
      <c r="F20" s="219"/>
    </row>
    <row r="21" spans="1:6" ht="14.15" customHeight="1">
      <c r="A21" s="611"/>
      <c r="B21" s="229"/>
      <c r="C21" s="226" t="s">
        <v>337</v>
      </c>
      <c r="D21" s="224"/>
      <c r="E21" s="218"/>
      <c r="F21" s="219"/>
    </row>
    <row r="22" spans="1:6" ht="14.15" customHeight="1">
      <c r="A22" s="611"/>
      <c r="B22" s="229"/>
      <c r="C22" s="226" t="s">
        <v>338</v>
      </c>
      <c r="D22" s="224"/>
      <c r="E22" s="218"/>
      <c r="F22" s="219"/>
    </row>
    <row r="23" spans="1:6" ht="14.15" customHeight="1">
      <c r="A23" s="611"/>
      <c r="B23" s="229"/>
      <c r="C23" s="226" t="s">
        <v>339</v>
      </c>
      <c r="D23" s="224"/>
      <c r="E23" s="218"/>
      <c r="F23" s="219"/>
    </row>
    <row r="24" spans="1:6" ht="14.15" customHeight="1">
      <c r="A24" s="611"/>
      <c r="B24" s="230"/>
      <c r="C24" s="578" t="s">
        <v>340</v>
      </c>
      <c r="D24" s="579"/>
      <c r="E24" s="227">
        <f>SUM(E18:E23)</f>
        <v>0</v>
      </c>
      <c r="F24" s="219"/>
    </row>
    <row r="25" spans="1:6" ht="14.15" customHeight="1">
      <c r="A25" s="611"/>
      <c r="B25" s="228" t="s">
        <v>468</v>
      </c>
      <c r="C25" s="226" t="s">
        <v>461</v>
      </c>
      <c r="D25" s="224"/>
      <c r="E25" s="218"/>
      <c r="F25" s="219"/>
    </row>
    <row r="26" spans="1:6" ht="14.15" customHeight="1">
      <c r="A26" s="611"/>
      <c r="B26" s="229"/>
      <c r="C26" s="232" t="s">
        <v>352</v>
      </c>
      <c r="D26" s="233"/>
      <c r="E26" s="218"/>
      <c r="F26" s="219"/>
    </row>
    <row r="27" spans="1:6" ht="14.15" customHeight="1">
      <c r="A27" s="611"/>
      <c r="B27" s="229"/>
      <c r="C27" s="226" t="s">
        <v>341</v>
      </c>
      <c r="D27" s="224"/>
      <c r="E27" s="218"/>
      <c r="F27" s="219"/>
    </row>
    <row r="28" spans="1:6" ht="14.15" customHeight="1">
      <c r="A28" s="611"/>
      <c r="B28" s="229"/>
      <c r="C28" s="226" t="s">
        <v>349</v>
      </c>
      <c r="D28" s="224"/>
      <c r="E28" s="218"/>
      <c r="F28" s="219"/>
    </row>
    <row r="29" spans="1:6" ht="14.15" customHeight="1">
      <c r="A29" s="611"/>
      <c r="B29" s="229"/>
      <c r="C29" s="226" t="s">
        <v>459</v>
      </c>
      <c r="D29" s="224"/>
      <c r="E29" s="218"/>
      <c r="F29" s="219"/>
    </row>
    <row r="30" spans="1:6" ht="14.15" customHeight="1">
      <c r="A30" s="611"/>
      <c r="B30" s="229"/>
      <c r="C30" s="226" t="s">
        <v>460</v>
      </c>
      <c r="D30" s="224"/>
      <c r="E30" s="218"/>
      <c r="F30" s="219"/>
    </row>
    <row r="31" spans="1:6" ht="14.15" customHeight="1">
      <c r="A31" s="611"/>
      <c r="B31" s="229"/>
      <c r="C31" s="226" t="s">
        <v>462</v>
      </c>
      <c r="D31" s="224"/>
      <c r="E31" s="218"/>
      <c r="F31" s="219"/>
    </row>
    <row r="32" spans="1:6" ht="14.15" customHeight="1">
      <c r="A32" s="611"/>
      <c r="B32" s="229"/>
      <c r="C32" s="232" t="s">
        <v>351</v>
      </c>
      <c r="D32" s="224"/>
      <c r="E32" s="218"/>
      <c r="F32" s="219"/>
    </row>
    <row r="33" spans="1:6" ht="14.15" customHeight="1">
      <c r="A33" s="611"/>
      <c r="B33" s="229"/>
      <c r="C33" s="226" t="s">
        <v>343</v>
      </c>
      <c r="D33" s="224"/>
      <c r="E33" s="231"/>
      <c r="F33" s="219"/>
    </row>
    <row r="34" spans="1:6" ht="14.15" customHeight="1">
      <c r="A34" s="611"/>
      <c r="B34" s="230"/>
      <c r="C34" s="578" t="s">
        <v>466</v>
      </c>
      <c r="D34" s="579"/>
      <c r="E34" s="227">
        <f>SUM(E25:E33)</f>
        <v>0</v>
      </c>
      <c r="F34" s="219"/>
    </row>
    <row r="35" spans="1:6" ht="14.15" customHeight="1">
      <c r="A35" s="611"/>
      <c r="B35" s="229" t="s">
        <v>469</v>
      </c>
      <c r="C35" s="226" t="s">
        <v>342</v>
      </c>
      <c r="D35" s="224"/>
      <c r="E35" s="218"/>
      <c r="F35" s="219"/>
    </row>
    <row r="36" spans="1:6" ht="14.15" customHeight="1">
      <c r="A36" s="611"/>
      <c r="B36" s="229"/>
      <c r="C36" s="226" t="s">
        <v>463</v>
      </c>
      <c r="D36" s="224"/>
      <c r="E36" s="218"/>
      <c r="F36" s="219"/>
    </row>
    <row r="37" spans="1:6" ht="14.15" customHeight="1">
      <c r="A37" s="611"/>
      <c r="B37" s="229"/>
      <c r="C37" s="226" t="s">
        <v>464</v>
      </c>
      <c r="D37" s="224"/>
      <c r="E37" s="218"/>
      <c r="F37" s="219"/>
    </row>
    <row r="38" spans="1:6" ht="14.15" customHeight="1">
      <c r="A38" s="611"/>
      <c r="B38" s="230"/>
      <c r="C38" s="578" t="s">
        <v>465</v>
      </c>
      <c r="D38" s="579"/>
      <c r="E38" s="227">
        <f>SUM(E35:E37)</f>
        <v>0</v>
      </c>
      <c r="F38" s="219"/>
    </row>
    <row r="39" spans="1:6" ht="14.15" customHeight="1">
      <c r="A39" s="611"/>
      <c r="B39" s="228" t="s">
        <v>467</v>
      </c>
      <c r="C39" s="232" t="s">
        <v>470</v>
      </c>
      <c r="D39" s="233"/>
      <c r="E39" s="218"/>
      <c r="F39" s="219"/>
    </row>
    <row r="40" spans="1:6" ht="14.15" customHeight="1">
      <c r="A40" s="611"/>
      <c r="B40" s="229"/>
      <c r="C40" s="232" t="s">
        <v>344</v>
      </c>
      <c r="D40" s="233"/>
      <c r="E40" s="218"/>
      <c r="F40" s="219"/>
    </row>
    <row r="41" spans="1:6" ht="14.15" customHeight="1">
      <c r="A41" s="611"/>
      <c r="B41" s="229"/>
      <c r="C41" s="232" t="s">
        <v>345</v>
      </c>
      <c r="D41" s="233"/>
      <c r="E41" s="218"/>
      <c r="F41" s="219"/>
    </row>
    <row r="42" spans="1:6" ht="14.15" customHeight="1">
      <c r="A42" s="611"/>
      <c r="B42" s="229"/>
      <c r="C42" s="232" t="s">
        <v>346</v>
      </c>
      <c r="D42" s="233"/>
      <c r="E42" s="218"/>
      <c r="F42" s="219"/>
    </row>
    <row r="43" spans="1:6" ht="14.15" customHeight="1">
      <c r="A43" s="611"/>
      <c r="B43" s="229"/>
      <c r="C43" s="232" t="s">
        <v>347</v>
      </c>
      <c r="D43" s="233"/>
      <c r="E43" s="231"/>
      <c r="F43" s="219"/>
    </row>
    <row r="44" spans="1:6" ht="14.15" customHeight="1">
      <c r="A44" s="611"/>
      <c r="B44" s="229"/>
      <c r="C44" s="232" t="s">
        <v>348</v>
      </c>
      <c r="D44" s="233"/>
      <c r="E44" s="231"/>
      <c r="F44" s="219"/>
    </row>
    <row r="45" spans="1:6" ht="14.15" customHeight="1">
      <c r="A45" s="611"/>
      <c r="B45" s="229"/>
      <c r="C45" s="232" t="s">
        <v>349</v>
      </c>
      <c r="D45" s="233"/>
      <c r="E45" s="218"/>
      <c r="F45" s="219"/>
    </row>
    <row r="46" spans="1:6" ht="14.15" customHeight="1">
      <c r="A46" s="611"/>
      <c r="B46" s="229"/>
      <c r="C46" s="232" t="s">
        <v>350</v>
      </c>
      <c r="D46" s="233"/>
      <c r="E46" s="218"/>
      <c r="F46" s="219"/>
    </row>
    <row r="47" spans="1:6" ht="14.15" customHeight="1">
      <c r="A47" s="611"/>
      <c r="B47" s="229"/>
      <c r="C47" s="232" t="s">
        <v>351</v>
      </c>
      <c r="D47" s="233"/>
      <c r="E47" s="218"/>
      <c r="F47" s="219"/>
    </row>
    <row r="48" spans="1:6" ht="14.15" customHeight="1">
      <c r="A48" s="611"/>
      <c r="B48" s="229"/>
      <c r="C48" s="232" t="s">
        <v>343</v>
      </c>
      <c r="D48" s="233"/>
      <c r="E48" s="231"/>
      <c r="F48" s="219"/>
    </row>
    <row r="49" spans="1:6" ht="14.15" customHeight="1">
      <c r="A49" s="611"/>
      <c r="B49" s="230"/>
      <c r="C49" s="578" t="s">
        <v>471</v>
      </c>
      <c r="D49" s="579"/>
      <c r="E49" s="227">
        <f>SUM(E39:E48)</f>
        <v>0</v>
      </c>
      <c r="F49" s="219"/>
    </row>
    <row r="50" spans="1:6" ht="14.15" customHeight="1">
      <c r="A50" s="611"/>
      <c r="B50" s="225" t="s">
        <v>353</v>
      </c>
      <c r="C50" s="226" t="s">
        <v>354</v>
      </c>
      <c r="D50" s="224"/>
      <c r="E50" s="218"/>
      <c r="F50" s="219"/>
    </row>
    <row r="51" spans="1:6" ht="14.15" customHeight="1">
      <c r="A51" s="611"/>
      <c r="B51" s="228" t="s">
        <v>355</v>
      </c>
      <c r="C51" s="226"/>
      <c r="D51" s="224"/>
      <c r="E51" s="231"/>
      <c r="F51" s="219"/>
    </row>
    <row r="52" spans="1:6" ht="14.15" customHeight="1">
      <c r="A52" s="611"/>
      <c r="B52" s="230"/>
      <c r="C52" s="226" t="s">
        <v>343</v>
      </c>
      <c r="D52" s="224"/>
      <c r="E52" s="234"/>
      <c r="F52" s="219"/>
    </row>
    <row r="53" spans="1:6" ht="14.15" customHeight="1" thickBot="1">
      <c r="A53" s="612"/>
      <c r="B53" s="580" t="s">
        <v>356</v>
      </c>
      <c r="C53" s="581"/>
      <c r="D53" s="582"/>
      <c r="E53" s="235">
        <f>E24+E34+E38+E49+E50+E51+E52</f>
        <v>0</v>
      </c>
      <c r="F53" s="219"/>
    </row>
    <row r="54" spans="1:6" ht="14.15" customHeight="1" thickBot="1">
      <c r="A54" s="576" t="s">
        <v>357</v>
      </c>
      <c r="B54" s="583"/>
      <c r="C54" s="583"/>
      <c r="D54" s="577"/>
      <c r="E54" s="236">
        <f>E17-E53</f>
        <v>0</v>
      </c>
      <c r="F54" s="219"/>
    </row>
    <row r="55" spans="1:6" ht="14.15" customHeight="1">
      <c r="A55" s="584" t="s">
        <v>358</v>
      </c>
      <c r="B55" s="286" t="s">
        <v>359</v>
      </c>
      <c r="C55" s="287"/>
      <c r="D55" s="288"/>
      <c r="E55" s="215"/>
      <c r="F55" s="219"/>
    </row>
    <row r="56" spans="1:6" ht="14.15" customHeight="1">
      <c r="A56" s="585"/>
      <c r="B56" s="289" t="s">
        <v>360</v>
      </c>
      <c r="C56" s="290"/>
      <c r="D56" s="291"/>
      <c r="E56" s="215"/>
      <c r="F56" s="219"/>
    </row>
    <row r="57" spans="1:6" ht="14.15" customHeight="1">
      <c r="A57" s="585"/>
      <c r="B57" s="222" t="s">
        <v>361</v>
      </c>
      <c r="C57" s="223"/>
      <c r="D57" s="291"/>
      <c r="E57" s="215"/>
      <c r="F57" s="219"/>
    </row>
    <row r="58" spans="1:6" ht="14.15" customHeight="1">
      <c r="A58" s="586"/>
      <c r="B58" s="587" t="s">
        <v>362</v>
      </c>
      <c r="C58" s="588"/>
      <c r="D58" s="589"/>
      <c r="E58" s="294">
        <f>SUM(E55:E57)</f>
        <v>0</v>
      </c>
      <c r="F58" s="219"/>
    </row>
    <row r="59" spans="1:6" ht="14.15" customHeight="1">
      <c r="A59" s="590" t="s">
        <v>363</v>
      </c>
      <c r="B59" s="285" t="s">
        <v>364</v>
      </c>
      <c r="C59" s="292"/>
      <c r="D59" s="293"/>
      <c r="E59" s="218"/>
      <c r="F59" s="219"/>
    </row>
    <row r="60" spans="1:6" ht="14.15" customHeight="1">
      <c r="A60" s="585"/>
      <c r="B60" s="282" t="s">
        <v>365</v>
      </c>
      <c r="C60" s="283"/>
      <c r="D60" s="284"/>
      <c r="E60" s="238"/>
      <c r="F60" s="219"/>
    </row>
    <row r="61" spans="1:6" ht="14.15" customHeight="1">
      <c r="A61" s="585"/>
      <c r="B61" s="222" t="s">
        <v>473</v>
      </c>
      <c r="C61" s="223"/>
      <c r="D61" s="224"/>
      <c r="E61" s="238"/>
      <c r="F61" s="219"/>
    </row>
    <row r="62" spans="1:6" ht="14.15" customHeight="1">
      <c r="A62" s="585"/>
      <c r="B62" s="222" t="s">
        <v>472</v>
      </c>
      <c r="C62" s="223"/>
      <c r="D62" s="224"/>
      <c r="E62" s="238"/>
      <c r="F62" s="219"/>
    </row>
    <row r="63" spans="1:6" ht="14.15" customHeight="1" thickBot="1">
      <c r="A63" s="591"/>
      <c r="B63" s="600" t="s">
        <v>366</v>
      </c>
      <c r="C63" s="601"/>
      <c r="D63" s="602"/>
      <c r="E63" s="295">
        <f>SUM(E59:E62)</f>
        <v>0</v>
      </c>
      <c r="F63" s="219"/>
    </row>
    <row r="64" spans="1:6" ht="14.15" customHeight="1" thickBot="1">
      <c r="A64" s="603" t="s">
        <v>367</v>
      </c>
      <c r="B64" s="604"/>
      <c r="C64" s="604"/>
      <c r="D64" s="605"/>
      <c r="E64" s="296">
        <f>E58-E63</f>
        <v>0</v>
      </c>
      <c r="F64" s="219"/>
    </row>
    <row r="65" spans="1:6" ht="14.15" customHeight="1">
      <c r="A65" s="592" t="s">
        <v>368</v>
      </c>
      <c r="B65" s="240"/>
      <c r="C65" s="240"/>
      <c r="D65" s="240"/>
      <c r="E65" s="241"/>
      <c r="F65" s="219"/>
    </row>
    <row r="66" spans="1:6" ht="14.15" customHeight="1">
      <c r="A66" s="593"/>
      <c r="B66" s="578" t="s">
        <v>369</v>
      </c>
      <c r="C66" s="594"/>
      <c r="D66" s="595"/>
      <c r="E66" s="237">
        <f>E65</f>
        <v>0</v>
      </c>
      <c r="F66" s="219"/>
    </row>
    <row r="67" spans="1:6" ht="14.15" customHeight="1">
      <c r="A67" s="596" t="s">
        <v>370</v>
      </c>
      <c r="B67" s="242" t="s">
        <v>371</v>
      </c>
      <c r="C67" s="242"/>
      <c r="D67" s="242"/>
      <c r="E67" s="243"/>
      <c r="F67" s="219"/>
    </row>
    <row r="68" spans="1:6" ht="14.15" customHeight="1" thickBot="1">
      <c r="A68" s="597"/>
      <c r="B68" s="580" t="s">
        <v>372</v>
      </c>
      <c r="C68" s="581"/>
      <c r="D68" s="582"/>
      <c r="E68" s="239">
        <f>E67</f>
        <v>0</v>
      </c>
      <c r="F68" s="219"/>
    </row>
    <row r="69" spans="1:6" ht="14.15" customHeight="1" thickBot="1">
      <c r="A69" s="598" t="s">
        <v>373</v>
      </c>
      <c r="B69" s="599"/>
      <c r="C69" s="599"/>
      <c r="D69" s="583"/>
      <c r="E69" s="236">
        <f t="shared" ref="E69" si="0">E66-E68</f>
        <v>0</v>
      </c>
      <c r="F69" s="219"/>
    </row>
    <row r="70" spans="1:6" ht="14.15" customHeight="1" thickBot="1">
      <c r="A70" s="570" t="s">
        <v>374</v>
      </c>
      <c r="B70" s="571"/>
      <c r="C70" s="571"/>
      <c r="D70" s="572"/>
      <c r="E70" s="244"/>
      <c r="F70" s="219"/>
    </row>
    <row r="71" spans="1:6" ht="14.15" customHeight="1" thickBot="1">
      <c r="A71" s="573" t="s">
        <v>375</v>
      </c>
      <c r="B71" s="574"/>
      <c r="C71" s="574"/>
      <c r="D71" s="575"/>
      <c r="E71" s="245">
        <f>E54+E64+E69-E70</f>
        <v>0</v>
      </c>
      <c r="F71" s="219"/>
    </row>
    <row r="72" spans="1:6" ht="14.15" customHeight="1" thickBot="1">
      <c r="A72" s="576" t="s">
        <v>376</v>
      </c>
      <c r="B72" s="577"/>
      <c r="C72" s="577"/>
      <c r="D72" s="577"/>
      <c r="E72" s="236">
        <f>E71</f>
        <v>0</v>
      </c>
      <c r="F72" s="246"/>
    </row>
  </sheetData>
  <mergeCells count="23">
    <mergeCell ref="A4:D4"/>
    <mergeCell ref="A5:A17"/>
    <mergeCell ref="B17:D17"/>
    <mergeCell ref="C24:D24"/>
    <mergeCell ref="C38:D38"/>
    <mergeCell ref="C34:D34"/>
    <mergeCell ref="A18:A53"/>
    <mergeCell ref="A70:D70"/>
    <mergeCell ref="A71:D71"/>
    <mergeCell ref="A72:D72"/>
    <mergeCell ref="C49:D49"/>
    <mergeCell ref="B53:D53"/>
    <mergeCell ref="A54:D54"/>
    <mergeCell ref="A55:A58"/>
    <mergeCell ref="B58:D58"/>
    <mergeCell ref="A59:A63"/>
    <mergeCell ref="A65:A66"/>
    <mergeCell ref="B66:D66"/>
    <mergeCell ref="A67:A68"/>
    <mergeCell ref="B68:D68"/>
    <mergeCell ref="A69:D69"/>
    <mergeCell ref="B63:D63"/>
    <mergeCell ref="A64:D64"/>
  </mergeCells>
  <phoneticPr fontId="4"/>
  <pageMargins left="0.82677165354330717" right="0.70866141732283472" top="0.74803149606299213" bottom="0.74803149606299213" header="0.31496062992125984" footer="0.31496062992125984"/>
  <pageSetup paperSize="9" scale="77"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FFC000"/>
  </sheetPr>
  <dimension ref="A1:J29"/>
  <sheetViews>
    <sheetView topLeftCell="A3" workbookViewId="0">
      <selection activeCell="D11" sqref="D11"/>
    </sheetView>
  </sheetViews>
  <sheetFormatPr defaultRowHeight="13"/>
  <cols>
    <col min="1" max="1" width="9" style="4"/>
    <col min="2" max="7" width="12.6328125" style="4" customWidth="1"/>
    <col min="8" max="8" width="14.6328125" style="4" customWidth="1"/>
    <col min="9" max="10" width="16.6328125" style="4" customWidth="1"/>
    <col min="11" max="257" width="9" style="4"/>
    <col min="258" max="263" width="12.6328125" style="4" customWidth="1"/>
    <col min="264" max="264" width="14.6328125" style="4" customWidth="1"/>
    <col min="265" max="266" width="16.6328125" style="4" customWidth="1"/>
    <col min="267" max="513" width="9" style="4"/>
    <col min="514" max="519" width="12.6328125" style="4" customWidth="1"/>
    <col min="520" max="520" width="14.6328125" style="4" customWidth="1"/>
    <col min="521" max="522" width="16.6328125" style="4" customWidth="1"/>
    <col min="523" max="769" width="9" style="4"/>
    <col min="770" max="775" width="12.6328125" style="4" customWidth="1"/>
    <col min="776" max="776" width="14.6328125" style="4" customWidth="1"/>
    <col min="777" max="778" width="16.6328125" style="4" customWidth="1"/>
    <col min="779" max="1025" width="9" style="4"/>
    <col min="1026" max="1031" width="12.6328125" style="4" customWidth="1"/>
    <col min="1032" max="1032" width="14.6328125" style="4" customWidth="1"/>
    <col min="1033" max="1034" width="16.6328125" style="4" customWidth="1"/>
    <col min="1035" max="1281" width="9" style="4"/>
    <col min="1282" max="1287" width="12.6328125" style="4" customWidth="1"/>
    <col min="1288" max="1288" width="14.6328125" style="4" customWidth="1"/>
    <col min="1289" max="1290" width="16.6328125" style="4" customWidth="1"/>
    <col min="1291" max="1537" width="9" style="4"/>
    <col min="1538" max="1543" width="12.6328125" style="4" customWidth="1"/>
    <col min="1544" max="1544" width="14.6328125" style="4" customWidth="1"/>
    <col min="1545" max="1546" width="16.6328125" style="4" customWidth="1"/>
    <col min="1547" max="1793" width="9" style="4"/>
    <col min="1794" max="1799" width="12.6328125" style="4" customWidth="1"/>
    <col min="1800" max="1800" width="14.6328125" style="4" customWidth="1"/>
    <col min="1801" max="1802" width="16.6328125" style="4" customWidth="1"/>
    <col min="1803" max="2049" width="9" style="4"/>
    <col min="2050" max="2055" width="12.6328125" style="4" customWidth="1"/>
    <col min="2056" max="2056" width="14.6328125" style="4" customWidth="1"/>
    <col min="2057" max="2058" width="16.6328125" style="4" customWidth="1"/>
    <col min="2059" max="2305" width="9" style="4"/>
    <col min="2306" max="2311" width="12.6328125" style="4" customWidth="1"/>
    <col min="2312" max="2312" width="14.6328125" style="4" customWidth="1"/>
    <col min="2313" max="2314" width="16.6328125" style="4" customWidth="1"/>
    <col min="2315" max="2561" width="9" style="4"/>
    <col min="2562" max="2567" width="12.6328125" style="4" customWidth="1"/>
    <col min="2568" max="2568" width="14.6328125" style="4" customWidth="1"/>
    <col min="2569" max="2570" width="16.6328125" style="4" customWidth="1"/>
    <col min="2571" max="2817" width="9" style="4"/>
    <col min="2818" max="2823" width="12.6328125" style="4" customWidth="1"/>
    <col min="2824" max="2824" width="14.6328125" style="4" customWidth="1"/>
    <col min="2825" max="2826" width="16.6328125" style="4" customWidth="1"/>
    <col min="2827" max="3073" width="9" style="4"/>
    <col min="3074" max="3079" width="12.6328125" style="4" customWidth="1"/>
    <col min="3080" max="3080" width="14.6328125" style="4" customWidth="1"/>
    <col min="3081" max="3082" width="16.6328125" style="4" customWidth="1"/>
    <col min="3083" max="3329" width="9" style="4"/>
    <col min="3330" max="3335" width="12.6328125" style="4" customWidth="1"/>
    <col min="3336" max="3336" width="14.6328125" style="4" customWidth="1"/>
    <col min="3337" max="3338" width="16.6328125" style="4" customWidth="1"/>
    <col min="3339" max="3585" width="9" style="4"/>
    <col min="3586" max="3591" width="12.6328125" style="4" customWidth="1"/>
    <col min="3592" max="3592" width="14.6328125" style="4" customWidth="1"/>
    <col min="3593" max="3594" width="16.6328125" style="4" customWidth="1"/>
    <col min="3595" max="3841" width="9" style="4"/>
    <col min="3842" max="3847" width="12.6328125" style="4" customWidth="1"/>
    <col min="3848" max="3848" width="14.6328125" style="4" customWidth="1"/>
    <col min="3849" max="3850" width="16.6328125" style="4" customWidth="1"/>
    <col min="3851" max="4097" width="9" style="4"/>
    <col min="4098" max="4103" width="12.6328125" style="4" customWidth="1"/>
    <col min="4104" max="4104" width="14.6328125" style="4" customWidth="1"/>
    <col min="4105" max="4106" width="16.6328125" style="4" customWidth="1"/>
    <col min="4107" max="4353" width="9" style="4"/>
    <col min="4354" max="4359" width="12.6328125" style="4" customWidth="1"/>
    <col min="4360" max="4360" width="14.6328125" style="4" customWidth="1"/>
    <col min="4361" max="4362" width="16.6328125" style="4" customWidth="1"/>
    <col min="4363" max="4609" width="9" style="4"/>
    <col min="4610" max="4615" width="12.6328125" style="4" customWidth="1"/>
    <col min="4616" max="4616" width="14.6328125" style="4" customWidth="1"/>
    <col min="4617" max="4618" width="16.6328125" style="4" customWidth="1"/>
    <col min="4619" max="4865" width="9" style="4"/>
    <col min="4866" max="4871" width="12.6328125" style="4" customWidth="1"/>
    <col min="4872" max="4872" width="14.6328125" style="4" customWidth="1"/>
    <col min="4873" max="4874" width="16.6328125" style="4" customWidth="1"/>
    <col min="4875" max="5121" width="9" style="4"/>
    <col min="5122" max="5127" width="12.6328125" style="4" customWidth="1"/>
    <col min="5128" max="5128" width="14.6328125" style="4" customWidth="1"/>
    <col min="5129" max="5130" width="16.6328125" style="4" customWidth="1"/>
    <col min="5131" max="5377" width="9" style="4"/>
    <col min="5378" max="5383" width="12.6328125" style="4" customWidth="1"/>
    <col min="5384" max="5384" width="14.6328125" style="4" customWidth="1"/>
    <col min="5385" max="5386" width="16.6328125" style="4" customWidth="1"/>
    <col min="5387" max="5633" width="9" style="4"/>
    <col min="5634" max="5639" width="12.6328125" style="4" customWidth="1"/>
    <col min="5640" max="5640" width="14.6328125" style="4" customWidth="1"/>
    <col min="5641" max="5642" width="16.6328125" style="4" customWidth="1"/>
    <col min="5643" max="5889" width="9" style="4"/>
    <col min="5890" max="5895" width="12.6328125" style="4" customWidth="1"/>
    <col min="5896" max="5896" width="14.6328125" style="4" customWidth="1"/>
    <col min="5897" max="5898" width="16.6328125" style="4" customWidth="1"/>
    <col min="5899" max="6145" width="9" style="4"/>
    <col min="6146" max="6151" width="12.6328125" style="4" customWidth="1"/>
    <col min="6152" max="6152" width="14.6328125" style="4" customWidth="1"/>
    <col min="6153" max="6154" width="16.6328125" style="4" customWidth="1"/>
    <col min="6155" max="6401" width="9" style="4"/>
    <col min="6402" max="6407" width="12.6328125" style="4" customWidth="1"/>
    <col min="6408" max="6408" width="14.6328125" style="4" customWidth="1"/>
    <col min="6409" max="6410" width="16.6328125" style="4" customWidth="1"/>
    <col min="6411" max="6657" width="9" style="4"/>
    <col min="6658" max="6663" width="12.6328125" style="4" customWidth="1"/>
    <col min="6664" max="6664" width="14.6328125" style="4" customWidth="1"/>
    <col min="6665" max="6666" width="16.6328125" style="4" customWidth="1"/>
    <col min="6667" max="6913" width="9" style="4"/>
    <col min="6914" max="6919" width="12.6328125" style="4" customWidth="1"/>
    <col min="6920" max="6920" width="14.6328125" style="4" customWidth="1"/>
    <col min="6921" max="6922" width="16.6328125" style="4" customWidth="1"/>
    <col min="6923" max="7169" width="9" style="4"/>
    <col min="7170" max="7175" width="12.6328125" style="4" customWidth="1"/>
    <col min="7176" max="7176" width="14.6328125" style="4" customWidth="1"/>
    <col min="7177" max="7178" width="16.6328125" style="4" customWidth="1"/>
    <col min="7179" max="7425" width="9" style="4"/>
    <col min="7426" max="7431" width="12.6328125" style="4" customWidth="1"/>
    <col min="7432" max="7432" width="14.6328125" style="4" customWidth="1"/>
    <col min="7433" max="7434" width="16.6328125" style="4" customWidth="1"/>
    <col min="7435" max="7681" width="9" style="4"/>
    <col min="7682" max="7687" width="12.6328125" style="4" customWidth="1"/>
    <col min="7688" max="7688" width="14.6328125" style="4" customWidth="1"/>
    <col min="7689" max="7690" width="16.6328125" style="4" customWidth="1"/>
    <col min="7691" max="7937" width="9" style="4"/>
    <col min="7938" max="7943" width="12.6328125" style="4" customWidth="1"/>
    <col min="7944" max="7944" width="14.6328125" style="4" customWidth="1"/>
    <col min="7945" max="7946" width="16.6328125" style="4" customWidth="1"/>
    <col min="7947" max="8193" width="9" style="4"/>
    <col min="8194" max="8199" width="12.6328125" style="4" customWidth="1"/>
    <col min="8200" max="8200" width="14.6328125" style="4" customWidth="1"/>
    <col min="8201" max="8202" width="16.6328125" style="4" customWidth="1"/>
    <col min="8203" max="8449" width="9" style="4"/>
    <col min="8450" max="8455" width="12.6328125" style="4" customWidth="1"/>
    <col min="8456" max="8456" width="14.6328125" style="4" customWidth="1"/>
    <col min="8457" max="8458" width="16.6328125" style="4" customWidth="1"/>
    <col min="8459" max="8705" width="9" style="4"/>
    <col min="8706" max="8711" width="12.6328125" style="4" customWidth="1"/>
    <col min="8712" max="8712" width="14.6328125" style="4" customWidth="1"/>
    <col min="8713" max="8714" width="16.6328125" style="4" customWidth="1"/>
    <col min="8715" max="8961" width="9" style="4"/>
    <col min="8962" max="8967" width="12.6328125" style="4" customWidth="1"/>
    <col min="8968" max="8968" width="14.6328125" style="4" customWidth="1"/>
    <col min="8969" max="8970" width="16.6328125" style="4" customWidth="1"/>
    <col min="8971" max="9217" width="9" style="4"/>
    <col min="9218" max="9223" width="12.6328125" style="4" customWidth="1"/>
    <col min="9224" max="9224" width="14.6328125" style="4" customWidth="1"/>
    <col min="9225" max="9226" width="16.6328125" style="4" customWidth="1"/>
    <col min="9227" max="9473" width="9" style="4"/>
    <col min="9474" max="9479" width="12.6328125" style="4" customWidth="1"/>
    <col min="9480" max="9480" width="14.6328125" style="4" customWidth="1"/>
    <col min="9481" max="9482" width="16.6328125" style="4" customWidth="1"/>
    <col min="9483" max="9729" width="9" style="4"/>
    <col min="9730" max="9735" width="12.6328125" style="4" customWidth="1"/>
    <col min="9736" max="9736" width="14.6328125" style="4" customWidth="1"/>
    <col min="9737" max="9738" width="16.6328125" style="4" customWidth="1"/>
    <col min="9739" max="9985" width="9" style="4"/>
    <col min="9986" max="9991" width="12.6328125" style="4" customWidth="1"/>
    <col min="9992" max="9992" width="14.6328125" style="4" customWidth="1"/>
    <col min="9993" max="9994" width="16.6328125" style="4" customWidth="1"/>
    <col min="9995" max="10241" width="9" style="4"/>
    <col min="10242" max="10247" width="12.6328125" style="4" customWidth="1"/>
    <col min="10248" max="10248" width="14.6328125" style="4" customWidth="1"/>
    <col min="10249" max="10250" width="16.6328125" style="4" customWidth="1"/>
    <col min="10251" max="10497" width="9" style="4"/>
    <col min="10498" max="10503" width="12.6328125" style="4" customWidth="1"/>
    <col min="10504" max="10504" width="14.6328125" style="4" customWidth="1"/>
    <col min="10505" max="10506" width="16.6328125" style="4" customWidth="1"/>
    <col min="10507" max="10753" width="9" style="4"/>
    <col min="10754" max="10759" width="12.6328125" style="4" customWidth="1"/>
    <col min="10760" max="10760" width="14.6328125" style="4" customWidth="1"/>
    <col min="10761" max="10762" width="16.6328125" style="4" customWidth="1"/>
    <col min="10763" max="11009" width="9" style="4"/>
    <col min="11010" max="11015" width="12.6328125" style="4" customWidth="1"/>
    <col min="11016" max="11016" width="14.6328125" style="4" customWidth="1"/>
    <col min="11017" max="11018" width="16.6328125" style="4" customWidth="1"/>
    <col min="11019" max="11265" width="9" style="4"/>
    <col min="11266" max="11271" width="12.6328125" style="4" customWidth="1"/>
    <col min="11272" max="11272" width="14.6328125" style="4" customWidth="1"/>
    <col min="11273" max="11274" width="16.6328125" style="4" customWidth="1"/>
    <col min="11275" max="11521" width="9" style="4"/>
    <col min="11522" max="11527" width="12.6328125" style="4" customWidth="1"/>
    <col min="11528" max="11528" width="14.6328125" style="4" customWidth="1"/>
    <col min="11529" max="11530" width="16.6328125" style="4" customWidth="1"/>
    <col min="11531" max="11777" width="9" style="4"/>
    <col min="11778" max="11783" width="12.6328125" style="4" customWidth="1"/>
    <col min="11784" max="11784" width="14.6328125" style="4" customWidth="1"/>
    <col min="11785" max="11786" width="16.6328125" style="4" customWidth="1"/>
    <col min="11787" max="12033" width="9" style="4"/>
    <col min="12034" max="12039" width="12.6328125" style="4" customWidth="1"/>
    <col min="12040" max="12040" width="14.6328125" style="4" customWidth="1"/>
    <col min="12041" max="12042" width="16.6328125" style="4" customWidth="1"/>
    <col min="12043" max="12289" width="9" style="4"/>
    <col min="12290" max="12295" width="12.6328125" style="4" customWidth="1"/>
    <col min="12296" max="12296" width="14.6328125" style="4" customWidth="1"/>
    <col min="12297" max="12298" width="16.6328125" style="4" customWidth="1"/>
    <col min="12299" max="12545" width="9" style="4"/>
    <col min="12546" max="12551" width="12.6328125" style="4" customWidth="1"/>
    <col min="12552" max="12552" width="14.6328125" style="4" customWidth="1"/>
    <col min="12553" max="12554" width="16.6328125" style="4" customWidth="1"/>
    <col min="12555" max="12801" width="9" style="4"/>
    <col min="12802" max="12807" width="12.6328125" style="4" customWidth="1"/>
    <col min="12808" max="12808" width="14.6328125" style="4" customWidth="1"/>
    <col min="12809" max="12810" width="16.6328125" style="4" customWidth="1"/>
    <col min="12811" max="13057" width="9" style="4"/>
    <col min="13058" max="13063" width="12.6328125" style="4" customWidth="1"/>
    <col min="13064" max="13064" width="14.6328125" style="4" customWidth="1"/>
    <col min="13065" max="13066" width="16.6328125" style="4" customWidth="1"/>
    <col min="13067" max="13313" width="9" style="4"/>
    <col min="13314" max="13319" width="12.6328125" style="4" customWidth="1"/>
    <col min="13320" max="13320" width="14.6328125" style="4" customWidth="1"/>
    <col min="13321" max="13322" width="16.6328125" style="4" customWidth="1"/>
    <col min="13323" max="13569" width="9" style="4"/>
    <col min="13570" max="13575" width="12.6328125" style="4" customWidth="1"/>
    <col min="13576" max="13576" width="14.6328125" style="4" customWidth="1"/>
    <col min="13577" max="13578" width="16.6328125" style="4" customWidth="1"/>
    <col min="13579" max="13825" width="9" style="4"/>
    <col min="13826" max="13831" width="12.6328125" style="4" customWidth="1"/>
    <col min="13832" max="13832" width="14.6328125" style="4" customWidth="1"/>
    <col min="13833" max="13834" width="16.6328125" style="4" customWidth="1"/>
    <col min="13835" max="14081" width="9" style="4"/>
    <col min="14082" max="14087" width="12.6328125" style="4" customWidth="1"/>
    <col min="14088" max="14088" width="14.6328125" style="4" customWidth="1"/>
    <col min="14089" max="14090" width="16.6328125" style="4" customWidth="1"/>
    <col min="14091" max="14337" width="9" style="4"/>
    <col min="14338" max="14343" width="12.6328125" style="4" customWidth="1"/>
    <col min="14344" max="14344" width="14.6328125" style="4" customWidth="1"/>
    <col min="14345" max="14346" width="16.6328125" style="4" customWidth="1"/>
    <col min="14347" max="14593" width="9" style="4"/>
    <col min="14594" max="14599" width="12.6328125" style="4" customWidth="1"/>
    <col min="14600" max="14600" width="14.6328125" style="4" customWidth="1"/>
    <col min="14601" max="14602" width="16.6328125" style="4" customWidth="1"/>
    <col min="14603" max="14849" width="9" style="4"/>
    <col min="14850" max="14855" width="12.6328125" style="4" customWidth="1"/>
    <col min="14856" max="14856" width="14.6328125" style="4" customWidth="1"/>
    <col min="14857" max="14858" width="16.6328125" style="4" customWidth="1"/>
    <col min="14859" max="15105" width="9" style="4"/>
    <col min="15106" max="15111" width="12.6328125" style="4" customWidth="1"/>
    <col min="15112" max="15112" width="14.6328125" style="4" customWidth="1"/>
    <col min="15113" max="15114" width="16.6328125" style="4" customWidth="1"/>
    <col min="15115" max="15361" width="9" style="4"/>
    <col min="15362" max="15367" width="12.6328125" style="4" customWidth="1"/>
    <col min="15368" max="15368" width="14.6328125" style="4" customWidth="1"/>
    <col min="15369" max="15370" width="16.6328125" style="4" customWidth="1"/>
    <col min="15371" max="15617" width="9" style="4"/>
    <col min="15618" max="15623" width="12.6328125" style="4" customWidth="1"/>
    <col min="15624" max="15624" width="14.6328125" style="4" customWidth="1"/>
    <col min="15625" max="15626" width="16.6328125" style="4" customWidth="1"/>
    <col min="15627" max="15873" width="9" style="4"/>
    <col min="15874" max="15879" width="12.6328125" style="4" customWidth="1"/>
    <col min="15880" max="15880" width="14.6328125" style="4" customWidth="1"/>
    <col min="15881" max="15882" width="16.6328125" style="4" customWidth="1"/>
    <col min="15883" max="16129" width="9" style="4"/>
    <col min="16130" max="16135" width="12.6328125" style="4" customWidth="1"/>
    <col min="16136" max="16136" width="14.6328125" style="4" customWidth="1"/>
    <col min="16137" max="16138" width="16.6328125" style="4" customWidth="1"/>
    <col min="16139" max="16384" width="9" style="4"/>
  </cols>
  <sheetData>
    <row r="1" spans="1:10">
      <c r="A1" s="1" t="s">
        <v>275</v>
      </c>
    </row>
    <row r="2" spans="1:10" ht="21" customHeight="1">
      <c r="A2" s="301" t="s">
        <v>277</v>
      </c>
      <c r="B2" s="301"/>
      <c r="C2" s="301"/>
      <c r="D2" s="301"/>
      <c r="E2" s="301"/>
      <c r="F2" s="301"/>
      <c r="G2" s="301"/>
      <c r="H2" s="301"/>
      <c r="I2" s="301"/>
      <c r="J2" s="301"/>
    </row>
    <row r="4" spans="1:10" ht="18" customHeight="1" thickBot="1">
      <c r="A4" s="613" t="s">
        <v>278</v>
      </c>
      <c r="B4" s="613"/>
      <c r="C4" s="4" t="s">
        <v>279</v>
      </c>
    </row>
    <row r="5" spans="1:10" ht="18" customHeight="1">
      <c r="A5" s="614" t="s">
        <v>280</v>
      </c>
      <c r="B5" s="616" t="s">
        <v>281</v>
      </c>
      <c r="C5" s="617"/>
      <c r="D5" s="618"/>
      <c r="E5" s="616" t="s">
        <v>282</v>
      </c>
      <c r="F5" s="617"/>
      <c r="G5" s="617"/>
      <c r="H5" s="618"/>
      <c r="I5" s="619" t="s">
        <v>283</v>
      </c>
      <c r="J5" s="620" t="s">
        <v>284</v>
      </c>
    </row>
    <row r="6" spans="1:10" ht="18" customHeight="1">
      <c r="A6" s="615"/>
      <c r="B6" s="178" t="s">
        <v>265</v>
      </c>
      <c r="C6" s="179" t="s">
        <v>266</v>
      </c>
      <c r="D6" s="64" t="s">
        <v>133</v>
      </c>
      <c r="E6" s="178" t="s">
        <v>265</v>
      </c>
      <c r="F6" s="179" t="s">
        <v>285</v>
      </c>
      <c r="G6" s="64" t="s">
        <v>133</v>
      </c>
      <c r="H6" s="64" t="s">
        <v>286</v>
      </c>
      <c r="I6" s="504"/>
      <c r="J6" s="621"/>
    </row>
    <row r="7" spans="1:10" ht="18" customHeight="1">
      <c r="A7" s="180">
        <v>1</v>
      </c>
      <c r="B7" s="181"/>
      <c r="C7" s="182"/>
      <c r="D7" s="177"/>
      <c r="E7" s="181"/>
      <c r="F7" s="182"/>
      <c r="G7" s="177"/>
      <c r="H7" s="177"/>
      <c r="I7" s="177"/>
      <c r="J7" s="183"/>
    </row>
    <row r="8" spans="1:10" ht="18" customHeight="1">
      <c r="A8" s="180">
        <v>2</v>
      </c>
      <c r="B8" s="181"/>
      <c r="C8" s="182"/>
      <c r="D8" s="177"/>
      <c r="E8" s="181"/>
      <c r="F8" s="182"/>
      <c r="G8" s="177"/>
      <c r="H8" s="177"/>
      <c r="I8" s="177"/>
      <c r="J8" s="183"/>
    </row>
    <row r="9" spans="1:10" ht="18" customHeight="1">
      <c r="A9" s="180">
        <v>3</v>
      </c>
      <c r="B9" s="181"/>
      <c r="C9" s="182"/>
      <c r="D9" s="177"/>
      <c r="E9" s="181"/>
      <c r="F9" s="182"/>
      <c r="G9" s="177"/>
      <c r="H9" s="177"/>
      <c r="I9" s="177"/>
      <c r="J9" s="183"/>
    </row>
    <row r="10" spans="1:10" ht="18" customHeight="1">
      <c r="A10" s="180">
        <v>4</v>
      </c>
      <c r="B10" s="181"/>
      <c r="C10" s="182"/>
      <c r="D10" s="177"/>
      <c r="E10" s="181"/>
      <c r="F10" s="182"/>
      <c r="G10" s="177"/>
      <c r="H10" s="177"/>
      <c r="I10" s="177"/>
      <c r="J10" s="183"/>
    </row>
    <row r="11" spans="1:10" ht="18" customHeight="1">
      <c r="A11" s="180">
        <v>5</v>
      </c>
      <c r="B11" s="181"/>
      <c r="C11" s="182"/>
      <c r="D11" s="177"/>
      <c r="E11" s="181"/>
      <c r="F11" s="182"/>
      <c r="G11" s="177"/>
      <c r="H11" s="177"/>
      <c r="I11" s="177"/>
      <c r="J11" s="183"/>
    </row>
    <row r="12" spans="1:10" ht="18" customHeight="1">
      <c r="A12" s="180">
        <v>6</v>
      </c>
      <c r="B12" s="181"/>
      <c r="C12" s="182"/>
      <c r="D12" s="177"/>
      <c r="E12" s="181"/>
      <c r="F12" s="182"/>
      <c r="G12" s="177"/>
      <c r="H12" s="177"/>
      <c r="I12" s="177"/>
      <c r="J12" s="183"/>
    </row>
    <row r="13" spans="1:10" ht="18" customHeight="1">
      <c r="A13" s="180">
        <v>7</v>
      </c>
      <c r="B13" s="181"/>
      <c r="C13" s="182"/>
      <c r="D13" s="177"/>
      <c r="E13" s="181"/>
      <c r="F13" s="182"/>
      <c r="G13" s="177"/>
      <c r="H13" s="177"/>
      <c r="I13" s="177"/>
      <c r="J13" s="183"/>
    </row>
    <row r="14" spans="1:10" ht="18" customHeight="1">
      <c r="A14" s="180">
        <v>8</v>
      </c>
      <c r="B14" s="181"/>
      <c r="C14" s="182"/>
      <c r="D14" s="177"/>
      <c r="E14" s="181"/>
      <c r="F14" s="182"/>
      <c r="G14" s="177"/>
      <c r="H14" s="177"/>
      <c r="I14" s="177"/>
      <c r="J14" s="183"/>
    </row>
    <row r="15" spans="1:10" ht="18" customHeight="1">
      <c r="A15" s="180">
        <v>9</v>
      </c>
      <c r="B15" s="181"/>
      <c r="C15" s="182"/>
      <c r="D15" s="177"/>
      <c r="E15" s="181"/>
      <c r="F15" s="182"/>
      <c r="G15" s="177"/>
      <c r="H15" s="177"/>
      <c r="I15" s="177"/>
      <c r="J15" s="183"/>
    </row>
    <row r="16" spans="1:10" ht="18" customHeight="1">
      <c r="A16" s="180">
        <v>10</v>
      </c>
      <c r="B16" s="181"/>
      <c r="C16" s="182"/>
      <c r="D16" s="177"/>
      <c r="E16" s="181"/>
      <c r="F16" s="182"/>
      <c r="G16" s="177"/>
      <c r="H16" s="177"/>
      <c r="I16" s="177"/>
      <c r="J16" s="183"/>
    </row>
    <row r="17" spans="1:10" ht="18" customHeight="1">
      <c r="A17" s="180">
        <v>11</v>
      </c>
      <c r="B17" s="181"/>
      <c r="C17" s="182"/>
      <c r="D17" s="177"/>
      <c r="E17" s="181"/>
      <c r="F17" s="182"/>
      <c r="G17" s="177"/>
      <c r="H17" s="177"/>
      <c r="I17" s="177"/>
      <c r="J17" s="183"/>
    </row>
    <row r="18" spans="1:10" ht="18" customHeight="1">
      <c r="A18" s="180">
        <v>12</v>
      </c>
      <c r="B18" s="181"/>
      <c r="C18" s="182"/>
      <c r="D18" s="177"/>
      <c r="E18" s="181"/>
      <c r="F18" s="182"/>
      <c r="G18" s="177"/>
      <c r="H18" s="177"/>
      <c r="I18" s="177"/>
      <c r="J18" s="183"/>
    </row>
    <row r="19" spans="1:10" ht="18" customHeight="1">
      <c r="A19" s="180">
        <v>13</v>
      </c>
      <c r="B19" s="181"/>
      <c r="C19" s="182"/>
      <c r="D19" s="177"/>
      <c r="E19" s="181"/>
      <c r="F19" s="182"/>
      <c r="G19" s="177"/>
      <c r="H19" s="177"/>
      <c r="I19" s="177"/>
      <c r="J19" s="183"/>
    </row>
    <row r="20" spans="1:10" ht="18" customHeight="1">
      <c r="A20" s="180">
        <v>14</v>
      </c>
      <c r="B20" s="181"/>
      <c r="C20" s="182"/>
      <c r="D20" s="177"/>
      <c r="E20" s="181"/>
      <c r="F20" s="182"/>
      <c r="G20" s="177"/>
      <c r="H20" s="177"/>
      <c r="I20" s="177"/>
      <c r="J20" s="183"/>
    </row>
    <row r="21" spans="1:10" ht="18" customHeight="1">
      <c r="A21" s="180">
        <v>15</v>
      </c>
      <c r="B21" s="181"/>
      <c r="C21" s="182"/>
      <c r="D21" s="177"/>
      <c r="E21" s="181"/>
      <c r="F21" s="182"/>
      <c r="G21" s="177"/>
      <c r="H21" s="177"/>
      <c r="I21" s="177"/>
      <c r="J21" s="183"/>
    </row>
    <row r="22" spans="1:10" ht="18" customHeight="1">
      <c r="A22" s="180">
        <v>16</v>
      </c>
      <c r="B22" s="181"/>
      <c r="C22" s="182"/>
      <c r="D22" s="177"/>
      <c r="E22" s="181"/>
      <c r="F22" s="182"/>
      <c r="G22" s="177"/>
      <c r="H22" s="177"/>
      <c r="I22" s="177"/>
      <c r="J22" s="183"/>
    </row>
    <row r="23" spans="1:10" ht="18" customHeight="1">
      <c r="A23" s="180">
        <v>17</v>
      </c>
      <c r="B23" s="181"/>
      <c r="C23" s="182"/>
      <c r="D23" s="177"/>
      <c r="E23" s="181"/>
      <c r="F23" s="182"/>
      <c r="G23" s="177"/>
      <c r="H23" s="177"/>
      <c r="I23" s="177"/>
      <c r="J23" s="183"/>
    </row>
    <row r="24" spans="1:10" ht="18" customHeight="1">
      <c r="A24" s="180">
        <v>18</v>
      </c>
      <c r="B24" s="181"/>
      <c r="C24" s="182"/>
      <c r="D24" s="177"/>
      <c r="E24" s="181"/>
      <c r="F24" s="182"/>
      <c r="G24" s="177"/>
      <c r="H24" s="177"/>
      <c r="I24" s="177"/>
      <c r="J24" s="183"/>
    </row>
    <row r="25" spans="1:10" ht="18" customHeight="1">
      <c r="A25" s="180">
        <v>19</v>
      </c>
      <c r="B25" s="181"/>
      <c r="C25" s="182"/>
      <c r="D25" s="177"/>
      <c r="E25" s="181"/>
      <c r="F25" s="182"/>
      <c r="G25" s="177"/>
      <c r="H25" s="177"/>
      <c r="I25" s="177"/>
      <c r="J25" s="183"/>
    </row>
    <row r="26" spans="1:10" ht="18" customHeight="1" thickBot="1">
      <c r="A26" s="184">
        <v>20</v>
      </c>
      <c r="B26" s="185"/>
      <c r="C26" s="186"/>
      <c r="D26" s="187"/>
      <c r="E26" s="185"/>
      <c r="F26" s="186"/>
      <c r="G26" s="187"/>
      <c r="H26" s="187"/>
      <c r="I26" s="187"/>
      <c r="J26" s="188"/>
    </row>
    <row r="27" spans="1:10" ht="18" customHeight="1" thickTop="1" thickBot="1">
      <c r="A27" s="189" t="s">
        <v>136</v>
      </c>
      <c r="B27" s="190"/>
      <c r="C27" s="191"/>
      <c r="D27" s="192"/>
      <c r="E27" s="190"/>
      <c r="F27" s="191"/>
      <c r="G27" s="192"/>
      <c r="H27" s="192"/>
      <c r="I27" s="192"/>
      <c r="J27" s="193"/>
    </row>
    <row r="28" spans="1:10" ht="18" customHeight="1">
      <c r="A28" s="4" t="s">
        <v>287</v>
      </c>
    </row>
    <row r="29" spans="1:10" ht="18" customHeight="1"/>
  </sheetData>
  <mergeCells count="7">
    <mergeCell ref="A2:J2"/>
    <mergeCell ref="A4:B4"/>
    <mergeCell ref="A5:A6"/>
    <mergeCell ref="B5:D5"/>
    <mergeCell ref="E5:H5"/>
    <mergeCell ref="I5:I6"/>
    <mergeCell ref="J5:J6"/>
  </mergeCells>
  <phoneticPr fontId="4"/>
  <pageMargins left="0.7" right="0.7" top="0.75" bottom="0.75" header="0.3" footer="0.3"/>
  <pageSetup paperSize="9"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rgb="FFFFFF00"/>
  </sheetPr>
  <dimension ref="A1:H41"/>
  <sheetViews>
    <sheetView zoomScaleNormal="100" zoomScaleSheetLayoutView="100" workbookViewId="0">
      <selection activeCell="A36" sqref="A36:H36"/>
    </sheetView>
  </sheetViews>
  <sheetFormatPr defaultRowHeight="13"/>
  <cols>
    <col min="1" max="1" width="27.6328125" style="4" customWidth="1"/>
    <col min="2" max="7" width="9" style="4"/>
    <col min="8" max="8" width="7" style="4" customWidth="1"/>
    <col min="9" max="256" width="9" style="4"/>
    <col min="257" max="257" width="27.6328125" style="4" customWidth="1"/>
    <col min="258" max="263" width="9" style="4"/>
    <col min="264" max="264" width="7" style="4" customWidth="1"/>
    <col min="265" max="512" width="9" style="4"/>
    <col min="513" max="513" width="27.6328125" style="4" customWidth="1"/>
    <col min="514" max="519" width="9" style="4"/>
    <col min="520" max="520" width="7" style="4" customWidth="1"/>
    <col min="521" max="768" width="9" style="4"/>
    <col min="769" max="769" width="27.6328125" style="4" customWidth="1"/>
    <col min="770" max="775" width="9" style="4"/>
    <col min="776" max="776" width="7" style="4" customWidth="1"/>
    <col min="777" max="1024" width="9" style="4"/>
    <col min="1025" max="1025" width="27.6328125" style="4" customWidth="1"/>
    <col min="1026" max="1031" width="9" style="4"/>
    <col min="1032" max="1032" width="7" style="4" customWidth="1"/>
    <col min="1033" max="1280" width="9" style="4"/>
    <col min="1281" max="1281" width="27.6328125" style="4" customWidth="1"/>
    <col min="1282" max="1287" width="9" style="4"/>
    <col min="1288" max="1288" width="7" style="4" customWidth="1"/>
    <col min="1289" max="1536" width="9" style="4"/>
    <col min="1537" max="1537" width="27.6328125" style="4" customWidth="1"/>
    <col min="1538" max="1543" width="9" style="4"/>
    <col min="1544" max="1544" width="7" style="4" customWidth="1"/>
    <col min="1545" max="1792" width="9" style="4"/>
    <col min="1793" max="1793" width="27.6328125" style="4" customWidth="1"/>
    <col min="1794" max="1799" width="9" style="4"/>
    <col min="1800" max="1800" width="7" style="4" customWidth="1"/>
    <col min="1801" max="2048" width="9" style="4"/>
    <col min="2049" max="2049" width="27.6328125" style="4" customWidth="1"/>
    <col min="2050" max="2055" width="9" style="4"/>
    <col min="2056" max="2056" width="7" style="4" customWidth="1"/>
    <col min="2057" max="2304" width="9" style="4"/>
    <col min="2305" max="2305" width="27.6328125" style="4" customWidth="1"/>
    <col min="2306" max="2311" width="9" style="4"/>
    <col min="2312" max="2312" width="7" style="4" customWidth="1"/>
    <col min="2313" max="2560" width="9" style="4"/>
    <col min="2561" max="2561" width="27.6328125" style="4" customWidth="1"/>
    <col min="2562" max="2567" width="9" style="4"/>
    <col min="2568" max="2568" width="7" style="4" customWidth="1"/>
    <col min="2569" max="2816" width="9" style="4"/>
    <col min="2817" max="2817" width="27.6328125" style="4" customWidth="1"/>
    <col min="2818" max="2823" width="9" style="4"/>
    <col min="2824" max="2824" width="7" style="4" customWidth="1"/>
    <col min="2825" max="3072" width="9" style="4"/>
    <col min="3073" max="3073" width="27.6328125" style="4" customWidth="1"/>
    <col min="3074" max="3079" width="9" style="4"/>
    <col min="3080" max="3080" width="7" style="4" customWidth="1"/>
    <col min="3081" max="3328" width="9" style="4"/>
    <col min="3329" max="3329" width="27.6328125" style="4" customWidth="1"/>
    <col min="3330" max="3335" width="9" style="4"/>
    <col min="3336" max="3336" width="7" style="4" customWidth="1"/>
    <col min="3337" max="3584" width="9" style="4"/>
    <col min="3585" max="3585" width="27.6328125" style="4" customWidth="1"/>
    <col min="3586" max="3591" width="9" style="4"/>
    <col min="3592" max="3592" width="7" style="4" customWidth="1"/>
    <col min="3593" max="3840" width="9" style="4"/>
    <col min="3841" max="3841" width="27.6328125" style="4" customWidth="1"/>
    <col min="3842" max="3847" width="9" style="4"/>
    <col min="3848" max="3848" width="7" style="4" customWidth="1"/>
    <col min="3849" max="4096" width="9" style="4"/>
    <col min="4097" max="4097" width="27.6328125" style="4" customWidth="1"/>
    <col min="4098" max="4103" width="9" style="4"/>
    <col min="4104" max="4104" width="7" style="4" customWidth="1"/>
    <col min="4105" max="4352" width="9" style="4"/>
    <col min="4353" max="4353" width="27.6328125" style="4" customWidth="1"/>
    <col min="4354" max="4359" width="9" style="4"/>
    <col min="4360" max="4360" width="7" style="4" customWidth="1"/>
    <col min="4361" max="4608" width="9" style="4"/>
    <col min="4609" max="4609" width="27.6328125" style="4" customWidth="1"/>
    <col min="4610" max="4615" width="9" style="4"/>
    <col min="4616" max="4616" width="7" style="4" customWidth="1"/>
    <col min="4617" max="4864" width="9" style="4"/>
    <col min="4865" max="4865" width="27.6328125" style="4" customWidth="1"/>
    <col min="4866" max="4871" width="9" style="4"/>
    <col min="4872" max="4872" width="7" style="4" customWidth="1"/>
    <col min="4873" max="5120" width="9" style="4"/>
    <col min="5121" max="5121" width="27.6328125" style="4" customWidth="1"/>
    <col min="5122" max="5127" width="9" style="4"/>
    <col min="5128" max="5128" width="7" style="4" customWidth="1"/>
    <col min="5129" max="5376" width="9" style="4"/>
    <col min="5377" max="5377" width="27.6328125" style="4" customWidth="1"/>
    <col min="5378" max="5383" width="9" style="4"/>
    <col min="5384" max="5384" width="7" style="4" customWidth="1"/>
    <col min="5385" max="5632" width="9" style="4"/>
    <col min="5633" max="5633" width="27.6328125" style="4" customWidth="1"/>
    <col min="5634" max="5639" width="9" style="4"/>
    <col min="5640" max="5640" width="7" style="4" customWidth="1"/>
    <col min="5641" max="5888" width="9" style="4"/>
    <col min="5889" max="5889" width="27.6328125" style="4" customWidth="1"/>
    <col min="5890" max="5895" width="9" style="4"/>
    <col min="5896" max="5896" width="7" style="4" customWidth="1"/>
    <col min="5897" max="6144" width="9" style="4"/>
    <col min="6145" max="6145" width="27.6328125" style="4" customWidth="1"/>
    <col min="6146" max="6151" width="9" style="4"/>
    <col min="6152" max="6152" width="7" style="4" customWidth="1"/>
    <col min="6153" max="6400" width="9" style="4"/>
    <col min="6401" max="6401" width="27.6328125" style="4" customWidth="1"/>
    <col min="6402" max="6407" width="9" style="4"/>
    <col min="6408" max="6408" width="7" style="4" customWidth="1"/>
    <col min="6409" max="6656" width="9" style="4"/>
    <col min="6657" max="6657" width="27.6328125" style="4" customWidth="1"/>
    <col min="6658" max="6663" width="9" style="4"/>
    <col min="6664" max="6664" width="7" style="4" customWidth="1"/>
    <col min="6665" max="6912" width="9" style="4"/>
    <col min="6913" max="6913" width="27.6328125" style="4" customWidth="1"/>
    <col min="6914" max="6919" width="9" style="4"/>
    <col min="6920" max="6920" width="7" style="4" customWidth="1"/>
    <col min="6921" max="7168" width="9" style="4"/>
    <col min="7169" max="7169" width="27.6328125" style="4" customWidth="1"/>
    <col min="7170" max="7175" width="9" style="4"/>
    <col min="7176" max="7176" width="7" style="4" customWidth="1"/>
    <col min="7177" max="7424" width="9" style="4"/>
    <col min="7425" max="7425" width="27.6328125" style="4" customWidth="1"/>
    <col min="7426" max="7431" width="9" style="4"/>
    <col min="7432" max="7432" width="7" style="4" customWidth="1"/>
    <col min="7433" max="7680" width="9" style="4"/>
    <col min="7681" max="7681" width="27.6328125" style="4" customWidth="1"/>
    <col min="7682" max="7687" width="9" style="4"/>
    <col min="7688" max="7688" width="7" style="4" customWidth="1"/>
    <col min="7689" max="7936" width="9" style="4"/>
    <col min="7937" max="7937" width="27.6328125" style="4" customWidth="1"/>
    <col min="7938" max="7943" width="9" style="4"/>
    <col min="7944" max="7944" width="7" style="4" customWidth="1"/>
    <col min="7945" max="8192" width="9" style="4"/>
    <col min="8193" max="8193" width="27.6328125" style="4" customWidth="1"/>
    <col min="8194" max="8199" width="9" style="4"/>
    <col min="8200" max="8200" width="7" style="4" customWidth="1"/>
    <col min="8201" max="8448" width="9" style="4"/>
    <col min="8449" max="8449" width="27.6328125" style="4" customWidth="1"/>
    <col min="8450" max="8455" width="9" style="4"/>
    <col min="8456" max="8456" width="7" style="4" customWidth="1"/>
    <col min="8457" max="8704" width="9" style="4"/>
    <col min="8705" max="8705" width="27.6328125" style="4" customWidth="1"/>
    <col min="8706" max="8711" width="9" style="4"/>
    <col min="8712" max="8712" width="7" style="4" customWidth="1"/>
    <col min="8713" max="8960" width="9" style="4"/>
    <col min="8961" max="8961" width="27.6328125" style="4" customWidth="1"/>
    <col min="8962" max="8967" width="9" style="4"/>
    <col min="8968" max="8968" width="7" style="4" customWidth="1"/>
    <col min="8969" max="9216" width="9" style="4"/>
    <col min="9217" max="9217" width="27.6328125" style="4" customWidth="1"/>
    <col min="9218" max="9223" width="9" style="4"/>
    <col min="9224" max="9224" width="7" style="4" customWidth="1"/>
    <col min="9225" max="9472" width="9" style="4"/>
    <col min="9473" max="9473" width="27.6328125" style="4" customWidth="1"/>
    <col min="9474" max="9479" width="9" style="4"/>
    <col min="9480" max="9480" width="7" style="4" customWidth="1"/>
    <col min="9481" max="9728" width="9" style="4"/>
    <col min="9729" max="9729" width="27.6328125" style="4" customWidth="1"/>
    <col min="9730" max="9735" width="9" style="4"/>
    <col min="9736" max="9736" width="7" style="4" customWidth="1"/>
    <col min="9737" max="9984" width="9" style="4"/>
    <col min="9985" max="9985" width="27.6328125" style="4" customWidth="1"/>
    <col min="9986" max="9991" width="9" style="4"/>
    <col min="9992" max="9992" width="7" style="4" customWidth="1"/>
    <col min="9993" max="10240" width="9" style="4"/>
    <col min="10241" max="10241" width="27.6328125" style="4" customWidth="1"/>
    <col min="10242" max="10247" width="9" style="4"/>
    <col min="10248" max="10248" width="7" style="4" customWidth="1"/>
    <col min="10249" max="10496" width="9" style="4"/>
    <col min="10497" max="10497" width="27.6328125" style="4" customWidth="1"/>
    <col min="10498" max="10503" width="9" style="4"/>
    <col min="10504" max="10504" width="7" style="4" customWidth="1"/>
    <col min="10505" max="10752" width="9" style="4"/>
    <col min="10753" max="10753" width="27.6328125" style="4" customWidth="1"/>
    <col min="10754" max="10759" width="9" style="4"/>
    <col min="10760" max="10760" width="7" style="4" customWidth="1"/>
    <col min="10761" max="11008" width="9" style="4"/>
    <col min="11009" max="11009" width="27.6328125" style="4" customWidth="1"/>
    <col min="11010" max="11015" width="9" style="4"/>
    <col min="11016" max="11016" width="7" style="4" customWidth="1"/>
    <col min="11017" max="11264" width="9" style="4"/>
    <col min="11265" max="11265" width="27.6328125" style="4" customWidth="1"/>
    <col min="11266" max="11271" width="9" style="4"/>
    <col min="11272" max="11272" width="7" style="4" customWidth="1"/>
    <col min="11273" max="11520" width="9" style="4"/>
    <col min="11521" max="11521" width="27.6328125" style="4" customWidth="1"/>
    <col min="11522" max="11527" width="9" style="4"/>
    <col min="11528" max="11528" width="7" style="4" customWidth="1"/>
    <col min="11529" max="11776" width="9" style="4"/>
    <col min="11777" max="11777" width="27.6328125" style="4" customWidth="1"/>
    <col min="11778" max="11783" width="9" style="4"/>
    <col min="11784" max="11784" width="7" style="4" customWidth="1"/>
    <col min="11785" max="12032" width="9" style="4"/>
    <col min="12033" max="12033" width="27.6328125" style="4" customWidth="1"/>
    <col min="12034" max="12039" width="9" style="4"/>
    <col min="12040" max="12040" width="7" style="4" customWidth="1"/>
    <col min="12041" max="12288" width="9" style="4"/>
    <col min="12289" max="12289" width="27.6328125" style="4" customWidth="1"/>
    <col min="12290" max="12295" width="9" style="4"/>
    <col min="12296" max="12296" width="7" style="4" customWidth="1"/>
    <col min="12297" max="12544" width="9" style="4"/>
    <col min="12545" max="12545" width="27.6328125" style="4" customWidth="1"/>
    <col min="12546" max="12551" width="9" style="4"/>
    <col min="12552" max="12552" width="7" style="4" customWidth="1"/>
    <col min="12553" max="12800" width="9" style="4"/>
    <col min="12801" max="12801" width="27.6328125" style="4" customWidth="1"/>
    <col min="12802" max="12807" width="9" style="4"/>
    <col min="12808" max="12808" width="7" style="4" customWidth="1"/>
    <col min="12809" max="13056" width="9" style="4"/>
    <col min="13057" max="13057" width="27.6328125" style="4" customWidth="1"/>
    <col min="13058" max="13063" width="9" style="4"/>
    <col min="13064" max="13064" width="7" style="4" customWidth="1"/>
    <col min="13065" max="13312" width="9" style="4"/>
    <col min="13313" max="13313" width="27.6328125" style="4" customWidth="1"/>
    <col min="13314" max="13319" width="9" style="4"/>
    <col min="13320" max="13320" width="7" style="4" customWidth="1"/>
    <col min="13321" max="13568" width="9" style="4"/>
    <col min="13569" max="13569" width="27.6328125" style="4" customWidth="1"/>
    <col min="13570" max="13575" width="9" style="4"/>
    <col min="13576" max="13576" width="7" style="4" customWidth="1"/>
    <col min="13577" max="13824" width="9" style="4"/>
    <col min="13825" max="13825" width="27.6328125" style="4" customWidth="1"/>
    <col min="13826" max="13831" width="9" style="4"/>
    <col min="13832" max="13832" width="7" style="4" customWidth="1"/>
    <col min="13833" max="14080" width="9" style="4"/>
    <col min="14081" max="14081" width="27.6328125" style="4" customWidth="1"/>
    <col min="14082" max="14087" width="9" style="4"/>
    <col min="14088" max="14088" width="7" style="4" customWidth="1"/>
    <col min="14089" max="14336" width="9" style="4"/>
    <col min="14337" max="14337" width="27.6328125" style="4" customWidth="1"/>
    <col min="14338" max="14343" width="9" style="4"/>
    <col min="14344" max="14344" width="7" style="4" customWidth="1"/>
    <col min="14345" max="14592" width="9" style="4"/>
    <col min="14593" max="14593" width="27.6328125" style="4" customWidth="1"/>
    <col min="14594" max="14599" width="9" style="4"/>
    <col min="14600" max="14600" width="7" style="4" customWidth="1"/>
    <col min="14601" max="14848" width="9" style="4"/>
    <col min="14849" max="14849" width="27.6328125" style="4" customWidth="1"/>
    <col min="14850" max="14855" width="9" style="4"/>
    <col min="14856" max="14856" width="7" style="4" customWidth="1"/>
    <col min="14857" max="15104" width="9" style="4"/>
    <col min="15105" max="15105" width="27.6328125" style="4" customWidth="1"/>
    <col min="15106" max="15111" width="9" style="4"/>
    <col min="15112" max="15112" width="7" style="4" customWidth="1"/>
    <col min="15113" max="15360" width="9" style="4"/>
    <col min="15361" max="15361" width="27.6328125" style="4" customWidth="1"/>
    <col min="15362" max="15367" width="9" style="4"/>
    <col min="15368" max="15368" width="7" style="4" customWidth="1"/>
    <col min="15369" max="15616" width="9" style="4"/>
    <col min="15617" max="15617" width="27.6328125" style="4" customWidth="1"/>
    <col min="15618" max="15623" width="9" style="4"/>
    <col min="15624" max="15624" width="7" style="4" customWidth="1"/>
    <col min="15625" max="15872" width="9" style="4"/>
    <col min="15873" max="15873" width="27.6328125" style="4" customWidth="1"/>
    <col min="15874" max="15879" width="9" style="4"/>
    <col min="15880" max="15880" width="7" style="4" customWidth="1"/>
    <col min="15881" max="16128" width="9" style="4"/>
    <col min="16129" max="16129" width="27.6328125" style="4" customWidth="1"/>
    <col min="16130" max="16135" width="9" style="4"/>
    <col min="16136" max="16136" width="7" style="4" customWidth="1"/>
    <col min="16137" max="16384" width="9" style="4"/>
  </cols>
  <sheetData>
    <row r="1" spans="1:8">
      <c r="A1" s="1" t="s">
        <v>276</v>
      </c>
    </row>
    <row r="2" spans="1:8" ht="21" customHeight="1">
      <c r="A2" s="452" t="s">
        <v>289</v>
      </c>
      <c r="B2" s="452"/>
      <c r="C2" s="452"/>
      <c r="D2" s="452"/>
      <c r="E2" s="452"/>
      <c r="F2" s="452"/>
      <c r="G2" s="452"/>
      <c r="H2" s="452"/>
    </row>
    <row r="3" spans="1:8" ht="12" customHeight="1"/>
    <row r="4" spans="1:8" ht="21" customHeight="1">
      <c r="A4" s="118" t="s">
        <v>423</v>
      </c>
    </row>
    <row r="5" spans="1:8">
      <c r="A5" s="164" t="s">
        <v>424</v>
      </c>
      <c r="B5" s="194"/>
      <c r="C5" s="194"/>
      <c r="D5" s="194"/>
      <c r="E5" s="194"/>
      <c r="F5" s="194"/>
      <c r="G5" s="194"/>
      <c r="H5" s="165"/>
    </row>
    <row r="6" spans="1:8" ht="99.75" customHeight="1">
      <c r="A6" s="446"/>
      <c r="B6" s="447"/>
      <c r="C6" s="447"/>
      <c r="D6" s="447"/>
      <c r="E6" s="447"/>
      <c r="F6" s="447"/>
      <c r="G6" s="447"/>
      <c r="H6" s="448"/>
    </row>
    <row r="7" spans="1:8">
      <c r="A7" s="164" t="s">
        <v>425</v>
      </c>
      <c r="B7" s="194"/>
      <c r="C7" s="194"/>
      <c r="D7" s="194"/>
      <c r="E7" s="194"/>
      <c r="F7" s="194"/>
      <c r="G7" s="194"/>
      <c r="H7" s="165"/>
    </row>
    <row r="8" spans="1:8" ht="97.5" customHeight="1">
      <c r="A8" s="446"/>
      <c r="B8" s="447"/>
      <c r="C8" s="447"/>
      <c r="D8" s="447"/>
      <c r="E8" s="447"/>
      <c r="F8" s="447"/>
      <c r="G8" s="447"/>
      <c r="H8" s="448"/>
    </row>
    <row r="9" spans="1:8">
      <c r="A9" s="195" t="s">
        <v>426</v>
      </c>
      <c r="B9" s="196"/>
      <c r="C9" s="196"/>
      <c r="D9" s="196"/>
      <c r="E9" s="196"/>
      <c r="F9" s="196"/>
      <c r="G9" s="196"/>
      <c r="H9" s="197"/>
    </row>
    <row r="10" spans="1:8" ht="97.5" customHeight="1">
      <c r="A10" s="446"/>
      <c r="B10" s="447"/>
      <c r="C10" s="447"/>
      <c r="D10" s="447"/>
      <c r="E10" s="447"/>
      <c r="F10" s="447"/>
      <c r="G10" s="447"/>
      <c r="H10" s="448"/>
    </row>
    <row r="11" spans="1:8" ht="12" customHeight="1">
      <c r="A11" s="196"/>
      <c r="B11" s="196"/>
      <c r="C11" s="196"/>
      <c r="D11" s="196"/>
      <c r="E11" s="196"/>
      <c r="F11" s="196"/>
      <c r="G11" s="196"/>
      <c r="H11" s="196"/>
    </row>
    <row r="12" spans="1:8" ht="21" customHeight="1">
      <c r="A12" s="118" t="s">
        <v>290</v>
      </c>
    </row>
    <row r="13" spans="1:8">
      <c r="A13" s="164" t="s">
        <v>427</v>
      </c>
      <c r="B13" s="194"/>
      <c r="C13" s="194"/>
      <c r="D13" s="194"/>
      <c r="E13" s="194"/>
      <c r="F13" s="194"/>
      <c r="G13" s="194"/>
      <c r="H13" s="165"/>
    </row>
    <row r="14" spans="1:8" ht="84" customHeight="1">
      <c r="A14" s="446"/>
      <c r="B14" s="447"/>
      <c r="C14" s="447"/>
      <c r="D14" s="447"/>
      <c r="E14" s="447"/>
      <c r="F14" s="447"/>
      <c r="G14" s="447"/>
      <c r="H14" s="448"/>
    </row>
    <row r="15" spans="1:8" s="201" customFormat="1" ht="12" customHeight="1">
      <c r="A15" s="196"/>
      <c r="B15" s="196"/>
      <c r="C15" s="196"/>
      <c r="D15" s="196"/>
      <c r="E15" s="196"/>
      <c r="F15" s="196"/>
      <c r="G15" s="196"/>
      <c r="H15" s="196"/>
    </row>
    <row r="16" spans="1:8" s="201" customFormat="1" ht="21" customHeight="1">
      <c r="A16" s="118" t="s">
        <v>429</v>
      </c>
    </row>
    <row r="17" spans="1:8">
      <c r="A17" s="164" t="s">
        <v>428</v>
      </c>
      <c r="B17" s="194"/>
      <c r="C17" s="194"/>
      <c r="D17" s="194"/>
      <c r="E17" s="194"/>
      <c r="F17" s="194"/>
      <c r="G17" s="194"/>
      <c r="H17" s="165"/>
    </row>
    <row r="18" spans="1:8" ht="84" customHeight="1">
      <c r="A18" s="446"/>
      <c r="B18" s="447"/>
      <c r="C18" s="447"/>
      <c r="D18" s="447"/>
      <c r="E18" s="447"/>
      <c r="F18" s="447"/>
      <c r="G18" s="447"/>
      <c r="H18" s="448"/>
    </row>
    <row r="19" spans="1:8" ht="30" customHeight="1">
      <c r="A19" s="176" t="s">
        <v>430</v>
      </c>
      <c r="B19" s="475" t="s">
        <v>291</v>
      </c>
      <c r="C19" s="476"/>
      <c r="D19" s="476"/>
      <c r="E19" s="476"/>
      <c r="F19" s="476"/>
      <c r="G19" s="476"/>
      <c r="H19" s="477"/>
    </row>
    <row r="20" spans="1:8" s="201" customFormat="1" ht="12" customHeight="1">
      <c r="A20" s="196"/>
      <c r="B20" s="196"/>
      <c r="C20" s="196"/>
      <c r="D20" s="196"/>
      <c r="E20" s="196"/>
      <c r="F20" s="196"/>
      <c r="G20" s="196"/>
      <c r="H20" s="196"/>
    </row>
    <row r="21" spans="1:8" s="201" customFormat="1" ht="21" customHeight="1">
      <c r="A21" s="118" t="s">
        <v>431</v>
      </c>
    </row>
    <row r="22" spans="1:8" s="201" customFormat="1">
      <c r="A22" s="164" t="s">
        <v>432</v>
      </c>
      <c r="B22" s="194"/>
      <c r="C22" s="194"/>
      <c r="D22" s="194"/>
      <c r="E22" s="194"/>
      <c r="F22" s="194"/>
      <c r="G22" s="194"/>
      <c r="H22" s="165"/>
    </row>
    <row r="23" spans="1:8" s="201" customFormat="1" ht="84" customHeight="1">
      <c r="A23" s="446"/>
      <c r="B23" s="447"/>
      <c r="C23" s="447"/>
      <c r="D23" s="447"/>
      <c r="E23" s="447"/>
      <c r="F23" s="447"/>
      <c r="G23" s="447"/>
      <c r="H23" s="448"/>
    </row>
    <row r="24" spans="1:8" s="201" customFormat="1">
      <c r="A24" s="164" t="s">
        <v>433</v>
      </c>
      <c r="B24" s="194"/>
      <c r="C24" s="194"/>
      <c r="D24" s="194"/>
      <c r="E24" s="194"/>
      <c r="F24" s="194"/>
      <c r="G24" s="194"/>
      <c r="H24" s="165"/>
    </row>
    <row r="25" spans="1:8" s="201" customFormat="1" ht="84" customHeight="1">
      <c r="A25" s="446"/>
      <c r="B25" s="447"/>
      <c r="C25" s="447"/>
      <c r="D25" s="447"/>
      <c r="E25" s="447"/>
      <c r="F25" s="447"/>
      <c r="G25" s="447"/>
      <c r="H25" s="448"/>
    </row>
    <row r="26" spans="1:8" s="201" customFormat="1" ht="12" customHeight="1">
      <c r="A26" s="196"/>
      <c r="B26" s="196"/>
      <c r="C26" s="196"/>
      <c r="D26" s="196"/>
      <c r="E26" s="196"/>
      <c r="F26" s="196"/>
      <c r="G26" s="196"/>
      <c r="H26" s="196"/>
    </row>
    <row r="27" spans="1:8" s="201" customFormat="1" ht="21" customHeight="1">
      <c r="A27" s="118" t="s">
        <v>434</v>
      </c>
    </row>
    <row r="28" spans="1:8" s="201" customFormat="1">
      <c r="A28" s="164" t="s">
        <v>435</v>
      </c>
      <c r="B28" s="194"/>
      <c r="C28" s="194"/>
      <c r="D28" s="194"/>
      <c r="E28" s="194"/>
      <c r="F28" s="194"/>
      <c r="G28" s="194"/>
      <c r="H28" s="165"/>
    </row>
    <row r="29" spans="1:8" s="201" customFormat="1" ht="84" customHeight="1">
      <c r="A29" s="446"/>
      <c r="B29" s="447"/>
      <c r="C29" s="447"/>
      <c r="D29" s="447"/>
      <c r="E29" s="447"/>
      <c r="F29" s="447"/>
      <c r="G29" s="447"/>
      <c r="H29" s="448"/>
    </row>
    <row r="30" spans="1:8" ht="15" customHeight="1">
      <c r="A30" s="164" t="s">
        <v>436</v>
      </c>
      <c r="B30" s="194"/>
      <c r="C30" s="194"/>
      <c r="D30" s="194"/>
      <c r="E30" s="194"/>
      <c r="F30" s="194"/>
      <c r="G30" s="194"/>
      <c r="H30" s="165"/>
    </row>
    <row r="31" spans="1:8" ht="72" customHeight="1">
      <c r="A31" s="446"/>
      <c r="B31" s="447"/>
      <c r="C31" s="447"/>
      <c r="D31" s="447"/>
      <c r="E31" s="447"/>
      <c r="F31" s="447"/>
      <c r="G31" s="447"/>
      <c r="H31" s="448"/>
    </row>
    <row r="32" spans="1:8" ht="30" customHeight="1">
      <c r="A32" s="176" t="s">
        <v>292</v>
      </c>
      <c r="B32" s="475" t="s">
        <v>293</v>
      </c>
      <c r="C32" s="476"/>
      <c r="D32" s="476"/>
      <c r="E32" s="476"/>
      <c r="F32" s="476"/>
      <c r="G32" s="476"/>
      <c r="H32" s="477"/>
    </row>
    <row r="33" spans="1:8" ht="12" customHeight="1">
      <c r="B33" s="170"/>
      <c r="C33" s="170"/>
      <c r="D33" s="170"/>
      <c r="E33" s="170"/>
      <c r="F33" s="170"/>
      <c r="G33" s="170"/>
      <c r="H33" s="170"/>
    </row>
    <row r="34" spans="1:8" ht="12" customHeight="1">
      <c r="A34" s="194"/>
      <c r="B34" s="194"/>
      <c r="C34" s="194"/>
      <c r="D34" s="194"/>
      <c r="E34" s="194"/>
      <c r="F34" s="194"/>
      <c r="G34" s="194"/>
      <c r="H34" s="194"/>
    </row>
    <row r="35" spans="1:8" ht="21" customHeight="1">
      <c r="A35" s="198" t="s">
        <v>437</v>
      </c>
      <c r="B35" s="82"/>
      <c r="C35" s="82"/>
      <c r="D35" s="82"/>
      <c r="E35" s="82"/>
      <c r="F35" s="82"/>
      <c r="G35" s="82"/>
      <c r="H35" s="82"/>
    </row>
    <row r="36" spans="1:8" ht="12.75" customHeight="1">
      <c r="A36" s="622" t="s">
        <v>438</v>
      </c>
      <c r="B36" s="623"/>
      <c r="C36" s="623"/>
      <c r="D36" s="623"/>
      <c r="E36" s="623"/>
      <c r="F36" s="623"/>
      <c r="G36" s="623"/>
      <c r="H36" s="624"/>
    </row>
    <row r="37" spans="1:8" ht="207" customHeight="1">
      <c r="A37" s="625"/>
      <c r="B37" s="626"/>
      <c r="C37" s="626"/>
      <c r="D37" s="626"/>
      <c r="E37" s="626"/>
      <c r="F37" s="626"/>
      <c r="G37" s="626"/>
      <c r="H37" s="627"/>
    </row>
    <row r="38" spans="1:8">
      <c r="A38" s="273"/>
      <c r="B38" s="273"/>
      <c r="C38" s="273"/>
      <c r="D38" s="273"/>
      <c r="E38" s="273"/>
      <c r="F38" s="273"/>
      <c r="G38" s="273"/>
      <c r="H38" s="273"/>
    </row>
    <row r="39" spans="1:8">
      <c r="A39" s="273"/>
      <c r="B39" s="273"/>
      <c r="C39" s="273"/>
      <c r="D39" s="273"/>
      <c r="E39" s="273"/>
      <c r="F39" s="273"/>
      <c r="G39" s="273"/>
      <c r="H39" s="273"/>
    </row>
    <row r="40" spans="1:8">
      <c r="A40" s="273"/>
      <c r="B40" s="273"/>
      <c r="C40" s="273"/>
      <c r="D40" s="273"/>
      <c r="E40" s="273"/>
      <c r="F40" s="273"/>
      <c r="G40" s="273"/>
      <c r="H40" s="273"/>
    </row>
    <row r="41" spans="1:8">
      <c r="A41" s="273"/>
      <c r="B41" s="273"/>
      <c r="C41" s="273"/>
      <c r="D41" s="273"/>
      <c r="E41" s="273"/>
      <c r="F41" s="273"/>
      <c r="G41" s="273"/>
      <c r="H41" s="273"/>
    </row>
  </sheetData>
  <mergeCells count="14">
    <mergeCell ref="A18:H18"/>
    <mergeCell ref="A2:H2"/>
    <mergeCell ref="A6:H6"/>
    <mergeCell ref="A8:H8"/>
    <mergeCell ref="A10:H10"/>
    <mergeCell ref="A14:H14"/>
    <mergeCell ref="A36:H36"/>
    <mergeCell ref="A37:H37"/>
    <mergeCell ref="B19:H19"/>
    <mergeCell ref="A31:H31"/>
    <mergeCell ref="B32:H32"/>
    <mergeCell ref="A23:H23"/>
    <mergeCell ref="A25:H25"/>
    <mergeCell ref="A29:H29"/>
  </mergeCells>
  <phoneticPr fontId="4"/>
  <pageMargins left="0.7" right="0.7" top="0.75" bottom="0.75" header="0.3" footer="0.3"/>
  <pageSetup paperSize="9" scale="99" orientation="portrait" r:id="rId1"/>
  <rowBreaks count="1" manualBreakCount="1">
    <brk id="20" max="7" man="1"/>
  </row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rgb="FFFFC000"/>
  </sheetPr>
  <dimension ref="A1:I43"/>
  <sheetViews>
    <sheetView zoomScaleNormal="100" workbookViewId="0">
      <selection activeCell="A16" sqref="A16:I16"/>
    </sheetView>
  </sheetViews>
  <sheetFormatPr defaultColWidth="9" defaultRowHeight="13"/>
  <cols>
    <col min="1" max="1" width="16.08984375" style="1" bestFit="1" customWidth="1"/>
    <col min="2" max="2" width="9" style="1"/>
    <col min="3" max="3" width="7.6328125" style="1" customWidth="1"/>
    <col min="4" max="4" width="9" style="1"/>
    <col min="5" max="5" width="8.26953125" style="1" customWidth="1"/>
    <col min="6" max="16384" width="9" style="1"/>
  </cols>
  <sheetData>
    <row r="1" spans="1:9">
      <c r="A1" s="1" t="s">
        <v>288</v>
      </c>
    </row>
    <row r="2" spans="1:9" ht="21" customHeight="1"/>
    <row r="3" spans="1:9" ht="21" customHeight="1"/>
    <row r="4" spans="1:9" ht="21" customHeight="1"/>
    <row r="5" spans="1:9" ht="21" customHeight="1"/>
    <row r="6" spans="1:9" ht="21" customHeight="1"/>
    <row r="7" spans="1:9" ht="21" customHeight="1">
      <c r="A7" s="628" t="s">
        <v>294</v>
      </c>
      <c r="B7" s="628"/>
      <c r="C7" s="628"/>
      <c r="D7" s="628"/>
      <c r="E7" s="628"/>
      <c r="F7" s="628"/>
      <c r="G7" s="628"/>
      <c r="H7" s="628"/>
      <c r="I7" s="628"/>
    </row>
    <row r="8" spans="1:9" ht="21" customHeight="1">
      <c r="A8" s="2"/>
      <c r="B8" s="2"/>
      <c r="C8" s="2"/>
      <c r="D8" s="2"/>
      <c r="E8" s="2"/>
      <c r="F8" s="2"/>
      <c r="G8" s="2"/>
      <c r="H8" s="2"/>
      <c r="I8" s="2"/>
    </row>
    <row r="9" spans="1:9" ht="21" customHeight="1">
      <c r="A9" s="2"/>
      <c r="B9" s="2"/>
      <c r="C9" s="2"/>
      <c r="D9" s="2"/>
      <c r="E9" s="2"/>
      <c r="F9" s="2"/>
      <c r="G9" s="2"/>
      <c r="H9" s="2"/>
      <c r="I9" s="2"/>
    </row>
    <row r="10" spans="1:9" ht="21" customHeight="1">
      <c r="A10" s="2"/>
      <c r="B10" s="2"/>
      <c r="C10" s="2"/>
      <c r="D10" s="2"/>
      <c r="E10" s="2"/>
      <c r="F10" s="2"/>
      <c r="G10" s="2"/>
      <c r="H10" s="2"/>
      <c r="I10" s="2"/>
    </row>
    <row r="11" spans="1:9" ht="21" customHeight="1">
      <c r="A11" s="629" t="s">
        <v>384</v>
      </c>
      <c r="B11" s="629"/>
      <c r="C11" s="629"/>
      <c r="D11" s="629"/>
      <c r="E11" s="629"/>
      <c r="F11" s="629"/>
      <c r="G11" s="629"/>
      <c r="H11" s="629"/>
      <c r="I11" s="629"/>
    </row>
    <row r="12" spans="1:9" ht="21" customHeight="1">
      <c r="A12" s="2"/>
      <c r="B12" s="2"/>
      <c r="C12" s="2"/>
      <c r="D12" s="2"/>
      <c r="E12" s="2"/>
      <c r="F12" s="2"/>
      <c r="G12" s="2"/>
      <c r="H12" s="2"/>
      <c r="I12" s="2"/>
    </row>
    <row r="13" spans="1:9" ht="21" customHeight="1">
      <c r="A13" s="2"/>
      <c r="B13" s="2"/>
      <c r="C13" s="2"/>
      <c r="D13" s="2"/>
      <c r="E13" s="2"/>
      <c r="F13" s="2"/>
      <c r="G13" s="2"/>
      <c r="H13" s="2"/>
      <c r="I13" s="2"/>
    </row>
    <row r="14" spans="1:9" ht="32.25" customHeight="1">
      <c r="A14" s="305" t="s">
        <v>385</v>
      </c>
      <c r="B14" s="305"/>
      <c r="C14" s="305"/>
      <c r="D14" s="305"/>
      <c r="E14" s="305"/>
      <c r="F14" s="305"/>
      <c r="G14" s="305"/>
      <c r="H14" s="305"/>
      <c r="I14" s="305"/>
    </row>
    <row r="15" spans="1:9" ht="32.25" customHeight="1">
      <c r="A15" s="199"/>
      <c r="B15" s="199"/>
      <c r="C15" s="199"/>
      <c r="D15" s="199"/>
      <c r="E15" s="199"/>
      <c r="F15" s="199"/>
      <c r="G15" s="199"/>
      <c r="H15" s="199"/>
      <c r="I15" s="199"/>
    </row>
    <row r="16" spans="1:9" ht="21" customHeight="1">
      <c r="A16" s="630" t="s">
        <v>295</v>
      </c>
      <c r="B16" s="630"/>
      <c r="C16" s="630"/>
      <c r="D16" s="630"/>
      <c r="E16" s="630"/>
      <c r="F16" s="630"/>
      <c r="G16" s="630"/>
      <c r="H16" s="630"/>
      <c r="I16" s="630"/>
    </row>
    <row r="17" spans="1:9" ht="21" customHeight="1">
      <c r="A17" s="2"/>
      <c r="B17" s="2"/>
      <c r="C17" s="2"/>
      <c r="D17" s="2"/>
      <c r="E17" s="2"/>
      <c r="F17" s="2"/>
      <c r="G17" s="2"/>
      <c r="H17" s="2"/>
      <c r="I17" s="2"/>
    </row>
    <row r="18" spans="1:9" ht="21" customHeight="1">
      <c r="A18" s="2"/>
      <c r="B18" s="2"/>
      <c r="C18" s="2"/>
      <c r="D18" s="2"/>
      <c r="E18" s="2"/>
      <c r="F18" s="2"/>
      <c r="G18" s="2"/>
      <c r="H18" s="2"/>
      <c r="I18" s="2"/>
    </row>
    <row r="19" spans="1:9" ht="21" customHeight="1">
      <c r="G19" s="1" t="s">
        <v>304</v>
      </c>
    </row>
    <row r="20" spans="1:9" ht="21" customHeight="1"/>
    <row r="21" spans="1:9" ht="21" customHeight="1">
      <c r="A21" s="1" t="s">
        <v>53</v>
      </c>
    </row>
    <row r="22" spans="1:9" ht="21" customHeight="1"/>
    <row r="23" spans="1:9" ht="21" customHeight="1">
      <c r="E23" s="1" t="s">
        <v>296</v>
      </c>
    </row>
    <row r="24" spans="1:9" ht="21" customHeight="1">
      <c r="E24" s="1" t="s">
        <v>0</v>
      </c>
    </row>
    <row r="25" spans="1:9" ht="7" customHeight="1"/>
    <row r="26" spans="1:9" ht="21" customHeight="1">
      <c r="E26" s="1" t="s">
        <v>1</v>
      </c>
    </row>
    <row r="27" spans="1:9" ht="7" customHeight="1"/>
    <row r="28" spans="1:9" ht="21" customHeight="1">
      <c r="E28" s="1" t="s">
        <v>2</v>
      </c>
      <c r="I28" s="3"/>
    </row>
    <row r="29" spans="1:9" ht="7" customHeight="1"/>
    <row r="30" spans="1:9" ht="21" customHeight="1">
      <c r="E30" s="1" t="s">
        <v>55</v>
      </c>
    </row>
    <row r="31" spans="1:9" ht="21" customHeight="1"/>
    <row r="32" spans="1:9" ht="21" customHeight="1"/>
    <row r="33" spans="1:1" ht="21" customHeight="1"/>
    <row r="34" spans="1:1" ht="21" customHeight="1"/>
    <row r="35" spans="1:1" ht="7" customHeight="1"/>
    <row r="36" spans="1:1" ht="21" customHeight="1"/>
    <row r="37" spans="1:1" ht="7" customHeight="1"/>
    <row r="38" spans="1:1" ht="21" customHeight="1"/>
    <row r="39" spans="1:1" ht="7" customHeight="1"/>
    <row r="40" spans="1:1" ht="21" customHeight="1">
      <c r="A40" s="200"/>
    </row>
    <row r="41" spans="1:1" ht="7" customHeight="1"/>
    <row r="42" spans="1:1" ht="21" customHeight="1"/>
    <row r="43" spans="1:1" ht="30" customHeight="1"/>
  </sheetData>
  <mergeCells count="4">
    <mergeCell ref="A7:I7"/>
    <mergeCell ref="A11:I11"/>
    <mergeCell ref="A14:I14"/>
    <mergeCell ref="A16:I16"/>
  </mergeCells>
  <phoneticPr fontId="4"/>
  <pageMargins left="0.82677165354330717" right="0.82677165354330717" top="0.98425196850393704" bottom="0.62992125984251968"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C000"/>
  </sheetPr>
  <dimension ref="A1:I65"/>
  <sheetViews>
    <sheetView workbookViewId="0">
      <selection activeCell="A13" sqref="A13:I15"/>
    </sheetView>
  </sheetViews>
  <sheetFormatPr defaultColWidth="9" defaultRowHeight="13"/>
  <cols>
    <col min="1" max="1" width="16.08984375" style="1" bestFit="1" customWidth="1"/>
    <col min="2" max="2" width="9" style="1"/>
    <col min="3" max="3" width="7.6328125" style="1" customWidth="1"/>
    <col min="4" max="4" width="9" style="1"/>
    <col min="5" max="5" width="8.26953125" style="1" customWidth="1"/>
    <col min="6" max="16384" width="9" style="1"/>
  </cols>
  <sheetData>
    <row r="1" spans="1:9">
      <c r="A1" s="1" t="s">
        <v>52</v>
      </c>
    </row>
    <row r="2" spans="1:9" ht="21" customHeight="1"/>
    <row r="3" spans="1:9" ht="21" customHeight="1"/>
    <row r="4" spans="1:9" ht="21" customHeight="1"/>
    <row r="5" spans="1:9" ht="21" customHeight="1"/>
    <row r="6" spans="1:9" ht="21" customHeight="1"/>
    <row r="7" spans="1:9" ht="21" customHeight="1">
      <c r="A7" s="304" t="s">
        <v>381</v>
      </c>
      <c r="B7" s="304"/>
      <c r="C7" s="304"/>
      <c r="D7" s="304"/>
      <c r="E7" s="304"/>
      <c r="F7" s="304"/>
      <c r="G7" s="304"/>
      <c r="H7" s="304"/>
      <c r="I7" s="304"/>
    </row>
    <row r="8" spans="1:9" ht="21" customHeight="1">
      <c r="A8" s="2"/>
      <c r="B8" s="2"/>
      <c r="C8" s="2"/>
      <c r="D8" s="2"/>
      <c r="E8" s="2"/>
      <c r="F8" s="2"/>
      <c r="G8" s="2"/>
      <c r="H8" s="2"/>
      <c r="I8" s="2"/>
    </row>
    <row r="9" spans="1:9" ht="21" customHeight="1">
      <c r="A9" s="2"/>
      <c r="B9" s="2"/>
      <c r="C9" s="2"/>
      <c r="D9" s="2"/>
      <c r="E9" s="2"/>
      <c r="F9" s="2"/>
      <c r="G9" s="2"/>
      <c r="H9" s="2"/>
      <c r="I9" s="2"/>
    </row>
    <row r="10" spans="1:9" ht="21" customHeight="1">
      <c r="A10" s="2"/>
      <c r="B10" s="2"/>
      <c r="C10" s="2"/>
      <c r="D10" s="2"/>
      <c r="E10" s="2"/>
      <c r="F10" s="2"/>
      <c r="G10" s="2"/>
      <c r="H10" s="2"/>
      <c r="I10" s="2"/>
    </row>
    <row r="11" spans="1:9" ht="21" customHeight="1">
      <c r="A11" s="2"/>
      <c r="B11" s="2"/>
      <c r="C11" s="2"/>
      <c r="D11" s="2"/>
      <c r="E11" s="2"/>
      <c r="F11" s="2"/>
      <c r="G11" s="2"/>
      <c r="H11" s="2"/>
      <c r="I11" s="2"/>
    </row>
    <row r="12" spans="1:9" ht="21" customHeight="1">
      <c r="A12" s="2"/>
      <c r="B12" s="2"/>
      <c r="C12" s="2"/>
      <c r="D12" s="2"/>
      <c r="E12" s="2"/>
      <c r="F12" s="2"/>
      <c r="G12" s="2"/>
      <c r="H12" s="2"/>
      <c r="I12" s="2"/>
    </row>
    <row r="13" spans="1:9" ht="21" customHeight="1">
      <c r="A13" s="305" t="s">
        <v>382</v>
      </c>
      <c r="B13" s="305"/>
      <c r="C13" s="305"/>
      <c r="D13" s="305"/>
      <c r="E13" s="305"/>
      <c r="F13" s="305"/>
      <c r="G13" s="305"/>
      <c r="H13" s="305"/>
      <c r="I13" s="305"/>
    </row>
    <row r="14" spans="1:9" ht="21" customHeight="1">
      <c r="A14" s="305"/>
      <c r="B14" s="305"/>
      <c r="C14" s="305"/>
      <c r="D14" s="305"/>
      <c r="E14" s="305"/>
      <c r="F14" s="305"/>
      <c r="G14" s="305"/>
      <c r="H14" s="305"/>
      <c r="I14" s="305"/>
    </row>
    <row r="15" spans="1:9" ht="21" customHeight="1">
      <c r="A15" s="305"/>
      <c r="B15" s="305"/>
      <c r="C15" s="305"/>
      <c r="D15" s="305"/>
      <c r="E15" s="305"/>
      <c r="F15" s="305"/>
      <c r="G15" s="305"/>
      <c r="H15" s="305"/>
      <c r="I15" s="305"/>
    </row>
    <row r="16" spans="1:9" ht="21" customHeight="1">
      <c r="G16" s="1" t="s">
        <v>304</v>
      </c>
    </row>
    <row r="17" spans="1:9" ht="21" customHeight="1"/>
    <row r="18" spans="1:9" ht="21" customHeight="1">
      <c r="A18" s="1" t="s">
        <v>53</v>
      </c>
    </row>
    <row r="19" spans="1:9" ht="21" customHeight="1"/>
    <row r="20" spans="1:9" ht="21" customHeight="1">
      <c r="E20" s="1" t="s">
        <v>54</v>
      </c>
    </row>
    <row r="21" spans="1:9" ht="21" customHeight="1">
      <c r="E21" s="1" t="s">
        <v>0</v>
      </c>
    </row>
    <row r="22" spans="1:9" ht="7" customHeight="1"/>
    <row r="23" spans="1:9" ht="21" customHeight="1">
      <c r="E23" s="1" t="s">
        <v>1</v>
      </c>
    </row>
    <row r="24" spans="1:9" ht="7" customHeight="1"/>
    <row r="25" spans="1:9" ht="21" customHeight="1">
      <c r="E25" s="1" t="s">
        <v>2</v>
      </c>
      <c r="I25" s="3"/>
    </row>
    <row r="26" spans="1:9" ht="7" customHeight="1"/>
    <row r="27" spans="1:9" ht="21" customHeight="1">
      <c r="E27" s="1" t="s">
        <v>55</v>
      </c>
    </row>
    <row r="28" spans="1:9" ht="21" customHeight="1"/>
    <row r="29" spans="1:9" ht="21" customHeight="1"/>
    <row r="30" spans="1:9" ht="21" customHeight="1">
      <c r="E30" s="1" t="s">
        <v>56</v>
      </c>
    </row>
    <row r="31" spans="1:9" ht="21" customHeight="1">
      <c r="E31" s="1" t="s">
        <v>3</v>
      </c>
    </row>
    <row r="32" spans="1:9" ht="7" customHeight="1"/>
    <row r="33" spans="5:5" ht="21" customHeight="1">
      <c r="E33" s="1" t="s">
        <v>4</v>
      </c>
    </row>
    <row r="34" spans="5:5" ht="7" customHeight="1"/>
    <row r="35" spans="5:5" ht="21" customHeight="1">
      <c r="E35" s="1" t="s">
        <v>5</v>
      </c>
    </row>
    <row r="36" spans="5:5" ht="7" customHeight="1"/>
    <row r="37" spans="5:5" ht="21" customHeight="1">
      <c r="E37" s="1" t="s">
        <v>57</v>
      </c>
    </row>
    <row r="38" spans="5:5" ht="7" customHeight="1"/>
    <row r="39" spans="5:5" ht="21" customHeight="1">
      <c r="E39" s="1" t="s">
        <v>6</v>
      </c>
    </row>
    <row r="40" spans="5:5" ht="30" customHeight="1"/>
    <row r="65" spans="1:1">
      <c r="A65" s="1" t="s">
        <v>58</v>
      </c>
    </row>
  </sheetData>
  <mergeCells count="2">
    <mergeCell ref="A7:I7"/>
    <mergeCell ref="A13:I15"/>
  </mergeCells>
  <phoneticPr fontId="4"/>
  <pageMargins left="0.82677165354330717" right="0.70866141732283472" top="0.98425196850393704" bottom="0.62992125984251968"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C000"/>
  </sheetPr>
  <dimension ref="A1:I67"/>
  <sheetViews>
    <sheetView workbookViewId="0">
      <selection activeCell="L26" sqref="L26"/>
    </sheetView>
  </sheetViews>
  <sheetFormatPr defaultColWidth="9" defaultRowHeight="13"/>
  <cols>
    <col min="1" max="1" width="16.08984375" style="25" bestFit="1" customWidth="1"/>
    <col min="2" max="8" width="9" style="25"/>
    <col min="9" max="9" width="9.6328125" style="25" customWidth="1"/>
    <col min="10" max="16384" width="9" style="25"/>
  </cols>
  <sheetData>
    <row r="1" spans="1:9">
      <c r="A1" s="25" t="s">
        <v>59</v>
      </c>
    </row>
    <row r="3" spans="1:9" ht="13.5" customHeight="1">
      <c r="A3" s="26"/>
      <c r="B3" s="26"/>
      <c r="C3" s="26"/>
      <c r="D3" s="26"/>
      <c r="E3" s="26"/>
      <c r="F3" s="26"/>
      <c r="G3" s="26"/>
      <c r="H3" s="26"/>
      <c r="I3" s="26"/>
    </row>
    <row r="5" spans="1:9">
      <c r="G5" s="25" t="s">
        <v>304</v>
      </c>
    </row>
    <row r="8" spans="1:9">
      <c r="A8" s="25" t="s">
        <v>53</v>
      </c>
    </row>
    <row r="10" spans="1:9" s="1" customFormat="1" ht="21" customHeight="1">
      <c r="E10" s="1" t="s">
        <v>60</v>
      </c>
    </row>
    <row r="11" spans="1:9" s="1" customFormat="1" ht="21" customHeight="1">
      <c r="E11" s="1" t="s">
        <v>0</v>
      </c>
    </row>
    <row r="12" spans="1:9" s="1" customFormat="1" ht="7" customHeight="1"/>
    <row r="13" spans="1:9" s="1" customFormat="1" ht="21" customHeight="1">
      <c r="E13" s="1" t="s">
        <v>1</v>
      </c>
    </row>
    <row r="14" spans="1:9" s="1" customFormat="1" ht="7" customHeight="1"/>
    <row r="15" spans="1:9" s="1" customFormat="1" ht="21" customHeight="1">
      <c r="E15" s="1" t="s">
        <v>2</v>
      </c>
      <c r="I15" s="3"/>
    </row>
    <row r="16" spans="1:9" s="1" customFormat="1" ht="7" customHeight="1"/>
    <row r="17" spans="1:9" s="1" customFormat="1" ht="21" customHeight="1">
      <c r="E17" s="1" t="s">
        <v>61</v>
      </c>
      <c r="F17" s="307" t="s">
        <v>62</v>
      </c>
      <c r="G17" s="307"/>
      <c r="H17" s="307"/>
      <c r="I17" s="307"/>
    </row>
    <row r="19" spans="1:9" ht="21" customHeight="1"/>
    <row r="20" spans="1:9" ht="24" customHeight="1">
      <c r="A20" s="308" t="s">
        <v>63</v>
      </c>
      <c r="B20" s="308"/>
      <c r="C20" s="308"/>
      <c r="D20" s="308"/>
      <c r="E20" s="308"/>
      <c r="F20" s="308"/>
      <c r="G20" s="308"/>
      <c r="H20" s="308"/>
      <c r="I20" s="308"/>
    </row>
    <row r="21" spans="1:9" ht="11.25" customHeight="1"/>
    <row r="22" spans="1:9">
      <c r="A22" s="305" t="s">
        <v>476</v>
      </c>
      <c r="B22" s="305"/>
      <c r="C22" s="305"/>
      <c r="D22" s="305"/>
      <c r="E22" s="305"/>
      <c r="F22" s="305"/>
      <c r="G22" s="305"/>
      <c r="H22" s="305"/>
      <c r="I22" s="305"/>
    </row>
    <row r="23" spans="1:9" ht="25" customHeight="1">
      <c r="A23" s="305"/>
      <c r="B23" s="305"/>
      <c r="C23" s="305"/>
      <c r="D23" s="305"/>
      <c r="E23" s="305"/>
      <c r="F23" s="305"/>
      <c r="G23" s="305"/>
      <c r="H23" s="305"/>
      <c r="I23" s="305"/>
    </row>
    <row r="24" spans="1:9" ht="25" customHeight="1">
      <c r="A24" s="305"/>
      <c r="B24" s="305"/>
      <c r="C24" s="305"/>
      <c r="D24" s="305"/>
      <c r="E24" s="305"/>
      <c r="F24" s="305"/>
      <c r="G24" s="305"/>
      <c r="H24" s="305"/>
      <c r="I24" s="305"/>
    </row>
    <row r="25" spans="1:9" ht="25" customHeight="1">
      <c r="A25" s="305"/>
      <c r="B25" s="305"/>
      <c r="C25" s="305"/>
      <c r="D25" s="305"/>
      <c r="E25" s="305"/>
      <c r="F25" s="305"/>
      <c r="G25" s="305"/>
      <c r="H25" s="305"/>
      <c r="I25" s="305"/>
    </row>
    <row r="26" spans="1:9" ht="25" customHeight="1">
      <c r="A26" s="305"/>
      <c r="B26" s="305"/>
      <c r="C26" s="305"/>
      <c r="D26" s="305"/>
      <c r="E26" s="305"/>
      <c r="F26" s="305"/>
      <c r="G26" s="305"/>
      <c r="H26" s="305"/>
      <c r="I26" s="305"/>
    </row>
    <row r="27" spans="1:9" ht="21" customHeight="1">
      <c r="A27" s="307" t="s">
        <v>64</v>
      </c>
      <c r="B27" s="307"/>
      <c r="C27" s="307"/>
      <c r="D27" s="307"/>
      <c r="E27" s="307"/>
      <c r="F27" s="307"/>
      <c r="G27" s="307"/>
      <c r="H27" s="307"/>
      <c r="I27" s="307"/>
    </row>
    <row r="28" spans="1:9" ht="21" customHeight="1">
      <c r="A28" s="27"/>
      <c r="B28" s="27"/>
      <c r="C28" s="27"/>
    </row>
    <row r="29" spans="1:9" ht="21" customHeight="1">
      <c r="A29" s="306" t="s">
        <v>477</v>
      </c>
      <c r="B29" s="306"/>
      <c r="C29" s="306"/>
      <c r="D29" s="306"/>
      <c r="E29" s="306"/>
      <c r="F29" s="306"/>
      <c r="G29" s="306"/>
      <c r="H29" s="306"/>
      <c r="I29" s="306"/>
    </row>
    <row r="30" spans="1:9" ht="21" customHeight="1">
      <c r="A30" s="306"/>
      <c r="B30" s="306"/>
      <c r="C30" s="306"/>
      <c r="D30" s="306"/>
      <c r="E30" s="306"/>
      <c r="F30" s="306"/>
      <c r="G30" s="306"/>
      <c r="H30" s="306"/>
      <c r="I30" s="306"/>
    </row>
    <row r="31" spans="1:9" ht="21" customHeight="1">
      <c r="A31" s="306"/>
      <c r="B31" s="306"/>
      <c r="C31" s="306"/>
      <c r="D31" s="306"/>
      <c r="E31" s="306"/>
      <c r="F31" s="306"/>
      <c r="G31" s="306"/>
      <c r="H31" s="306"/>
      <c r="I31" s="306"/>
    </row>
    <row r="32" spans="1:9" ht="21" customHeight="1">
      <c r="A32" s="306"/>
      <c r="B32" s="306"/>
      <c r="C32" s="306"/>
      <c r="D32" s="306"/>
      <c r="E32" s="306"/>
      <c r="F32" s="306"/>
      <c r="G32" s="306"/>
      <c r="H32" s="306"/>
      <c r="I32" s="306"/>
    </row>
    <row r="33" spans="1:9" ht="21" customHeight="1">
      <c r="A33" s="306"/>
      <c r="B33" s="306"/>
      <c r="C33" s="306"/>
      <c r="D33" s="306"/>
      <c r="E33" s="306"/>
      <c r="F33" s="306"/>
      <c r="G33" s="306"/>
      <c r="H33" s="306"/>
      <c r="I33" s="306"/>
    </row>
    <row r="34" spans="1:9" ht="21" customHeight="1">
      <c r="A34" s="306"/>
      <c r="B34" s="306"/>
      <c r="C34" s="306"/>
      <c r="D34" s="306"/>
      <c r="E34" s="306"/>
      <c r="F34" s="306"/>
      <c r="G34" s="306"/>
      <c r="H34" s="306"/>
      <c r="I34" s="306"/>
    </row>
    <row r="35" spans="1:9" ht="21" customHeight="1">
      <c r="A35" s="306"/>
      <c r="B35" s="306"/>
      <c r="C35" s="306"/>
      <c r="D35" s="306"/>
      <c r="E35" s="306"/>
      <c r="F35" s="306"/>
      <c r="G35" s="306"/>
      <c r="H35" s="306"/>
      <c r="I35" s="306"/>
    </row>
    <row r="36" spans="1:9" ht="21" customHeight="1">
      <c r="A36" s="28"/>
      <c r="B36" s="28"/>
      <c r="C36" s="28"/>
      <c r="D36" s="28"/>
      <c r="E36" s="28"/>
      <c r="F36" s="28"/>
      <c r="G36" s="28"/>
      <c r="H36" s="28"/>
      <c r="I36" s="28"/>
    </row>
    <row r="37" spans="1:9" ht="21" customHeight="1">
      <c r="A37" s="28"/>
      <c r="B37" s="28"/>
      <c r="C37" s="28"/>
      <c r="D37" s="28"/>
      <c r="E37" s="28"/>
      <c r="F37" s="28"/>
      <c r="G37" s="28"/>
      <c r="H37" s="28"/>
      <c r="I37" s="28"/>
    </row>
    <row r="38" spans="1:9" ht="21" customHeight="1"/>
    <row r="39" spans="1:9" ht="21" customHeight="1">
      <c r="A39" s="25" t="s">
        <v>65</v>
      </c>
    </row>
    <row r="40" spans="1:9" ht="21" customHeight="1"/>
    <row r="41" spans="1:9" ht="21" customHeight="1"/>
    <row r="42" spans="1:9" ht="21" customHeight="1"/>
    <row r="43" spans="1:9" ht="21" customHeight="1"/>
    <row r="44" spans="1:9" ht="21" customHeight="1"/>
    <row r="45" spans="1:9" ht="21" customHeight="1"/>
    <row r="46" spans="1:9" ht="21" customHeight="1"/>
    <row r="47" spans="1:9" ht="21" customHeight="1"/>
    <row r="48" spans="1:9" ht="21" customHeight="1"/>
    <row r="49" ht="21" customHeight="1"/>
    <row r="50" ht="21" customHeight="1"/>
    <row r="51" ht="21" customHeight="1"/>
    <row r="52" ht="21" customHeight="1"/>
    <row r="53" ht="21" customHeight="1"/>
    <row r="54" ht="21" customHeight="1"/>
    <row r="55" ht="21" customHeight="1"/>
    <row r="56" ht="21" customHeight="1"/>
    <row r="57" ht="21" customHeight="1"/>
    <row r="58" ht="21" customHeight="1"/>
    <row r="59" ht="21" customHeight="1"/>
    <row r="67" spans="1:1">
      <c r="A67" s="25" t="s">
        <v>58</v>
      </c>
    </row>
  </sheetData>
  <mergeCells count="5">
    <mergeCell ref="A29:I35"/>
    <mergeCell ref="F17:I17"/>
    <mergeCell ref="A20:I20"/>
    <mergeCell ref="A27:I27"/>
    <mergeCell ref="A22:I26"/>
  </mergeCells>
  <phoneticPr fontId="4"/>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FFC000"/>
  </sheetPr>
  <dimension ref="A1:H53"/>
  <sheetViews>
    <sheetView zoomScaleNormal="100" zoomScaleSheetLayoutView="85" workbookViewId="0">
      <selection activeCell="K19" sqref="K19"/>
    </sheetView>
  </sheetViews>
  <sheetFormatPr defaultColWidth="9" defaultRowHeight="13"/>
  <cols>
    <col min="1" max="1" width="3" style="25" customWidth="1"/>
    <col min="2" max="2" width="10.36328125" style="25" customWidth="1"/>
    <col min="3" max="3" width="12.6328125" style="25" customWidth="1"/>
    <col min="4" max="4" width="13.90625" style="25" customWidth="1"/>
    <col min="5" max="5" width="14.7265625" style="25" customWidth="1"/>
    <col min="6" max="6" width="13" style="25" customWidth="1"/>
    <col min="7" max="7" width="6.453125" style="25" customWidth="1"/>
    <col min="8" max="8" width="14.7265625" style="25" customWidth="1"/>
    <col min="9" max="16384" width="9" style="25"/>
  </cols>
  <sheetData>
    <row r="1" spans="1:8">
      <c r="A1" s="25" t="s">
        <v>66</v>
      </c>
    </row>
    <row r="2" spans="1:8" ht="27" customHeight="1">
      <c r="A2" s="301" t="s">
        <v>67</v>
      </c>
      <c r="B2" s="301"/>
      <c r="C2" s="301"/>
      <c r="D2" s="301"/>
      <c r="E2" s="301"/>
      <c r="F2" s="301"/>
      <c r="G2" s="301"/>
      <c r="H2" s="301"/>
    </row>
    <row r="3" spans="1:8" ht="13.5" thickBot="1"/>
    <row r="4" spans="1:8">
      <c r="A4" s="379" t="s">
        <v>68</v>
      </c>
      <c r="B4" s="380"/>
      <c r="C4" s="380"/>
      <c r="D4" s="381"/>
      <c r="E4" s="381"/>
      <c r="F4" s="381"/>
      <c r="G4" s="381"/>
      <c r="H4" s="382"/>
    </row>
    <row r="5" spans="1:8" ht="30.75" customHeight="1">
      <c r="A5" s="383" t="s">
        <v>69</v>
      </c>
      <c r="B5" s="384"/>
      <c r="C5" s="384"/>
      <c r="D5" s="385"/>
      <c r="E5" s="385"/>
      <c r="F5" s="385"/>
      <c r="G5" s="385"/>
      <c r="H5" s="386"/>
    </row>
    <row r="6" spans="1:8" ht="25" customHeight="1">
      <c r="A6" s="355" t="s">
        <v>70</v>
      </c>
      <c r="B6" s="353"/>
      <c r="C6" s="353"/>
      <c r="D6" s="373"/>
      <c r="E6" s="373"/>
      <c r="F6" s="373"/>
      <c r="G6" s="373"/>
      <c r="H6" s="374"/>
    </row>
    <row r="7" spans="1:8" ht="25" customHeight="1">
      <c r="A7" s="355" t="s">
        <v>5</v>
      </c>
      <c r="B7" s="353"/>
      <c r="C7" s="353"/>
      <c r="D7" s="373"/>
      <c r="E7" s="373"/>
      <c r="F7" s="373"/>
      <c r="G7" s="373"/>
      <c r="H7" s="374"/>
    </row>
    <row r="8" spans="1:8" ht="25" customHeight="1">
      <c r="A8" s="355" t="s">
        <v>71</v>
      </c>
      <c r="B8" s="353"/>
      <c r="C8" s="353"/>
      <c r="D8" s="373"/>
      <c r="E8" s="373"/>
      <c r="F8" s="373"/>
      <c r="G8" s="373"/>
      <c r="H8" s="374"/>
    </row>
    <row r="9" spans="1:8" ht="25" customHeight="1">
      <c r="A9" s="355" t="s">
        <v>72</v>
      </c>
      <c r="B9" s="353"/>
      <c r="C9" s="353"/>
      <c r="D9" s="373"/>
      <c r="E9" s="373"/>
      <c r="F9" s="373"/>
      <c r="G9" s="373"/>
      <c r="H9" s="374"/>
    </row>
    <row r="10" spans="1:8" ht="18" customHeight="1">
      <c r="A10" s="355" t="s">
        <v>73</v>
      </c>
      <c r="B10" s="353"/>
      <c r="C10" s="356" t="s">
        <v>74</v>
      </c>
      <c r="D10" s="356"/>
      <c r="E10" s="356"/>
      <c r="F10" s="356"/>
      <c r="G10" s="356"/>
      <c r="H10" s="357"/>
    </row>
    <row r="11" spans="1:8" ht="18" customHeight="1">
      <c r="A11" s="355"/>
      <c r="B11" s="353"/>
      <c r="C11" s="356"/>
      <c r="D11" s="356"/>
      <c r="E11" s="356"/>
      <c r="F11" s="356"/>
      <c r="G11" s="356"/>
      <c r="H11" s="357"/>
    </row>
    <row r="12" spans="1:8" ht="30" customHeight="1">
      <c r="A12" s="358" t="s">
        <v>75</v>
      </c>
      <c r="B12" s="359"/>
      <c r="C12" s="360"/>
      <c r="D12" s="361"/>
      <c r="E12" s="361"/>
      <c r="F12" s="361"/>
      <c r="G12" s="361"/>
      <c r="H12" s="362"/>
    </row>
    <row r="13" spans="1:8" ht="30" customHeight="1">
      <c r="A13" s="363" t="s">
        <v>76</v>
      </c>
      <c r="B13" s="365" t="s">
        <v>77</v>
      </c>
      <c r="C13" s="366"/>
      <c r="D13" s="367"/>
      <c r="E13" s="368"/>
      <c r="F13" s="368"/>
      <c r="G13" s="368"/>
      <c r="H13" s="369"/>
    </row>
    <row r="14" spans="1:8" ht="15" customHeight="1">
      <c r="A14" s="363"/>
      <c r="B14" s="370" t="s">
        <v>68</v>
      </c>
      <c r="C14" s="370"/>
      <c r="D14" s="371"/>
      <c r="E14" s="371"/>
      <c r="F14" s="353" t="s">
        <v>61</v>
      </c>
      <c r="G14" s="373"/>
      <c r="H14" s="374"/>
    </row>
    <row r="15" spans="1:8" ht="30" customHeight="1" thickBot="1">
      <c r="A15" s="364"/>
      <c r="B15" s="377" t="s">
        <v>78</v>
      </c>
      <c r="C15" s="377"/>
      <c r="D15" s="378"/>
      <c r="E15" s="378"/>
      <c r="F15" s="372"/>
      <c r="G15" s="375"/>
      <c r="H15" s="376"/>
    </row>
    <row r="16" spans="1:8" ht="13.5" thickBot="1">
      <c r="A16" s="29"/>
      <c r="B16" s="29"/>
      <c r="C16" s="29"/>
      <c r="D16" s="29"/>
      <c r="E16" s="29"/>
      <c r="F16" s="29"/>
      <c r="G16" s="29"/>
      <c r="H16" s="29"/>
    </row>
    <row r="17" spans="1:8" ht="130.5" customHeight="1">
      <c r="A17" s="30" t="s">
        <v>79</v>
      </c>
      <c r="B17" s="338"/>
      <c r="C17" s="338"/>
      <c r="D17" s="338"/>
      <c r="E17" s="338"/>
      <c r="F17" s="338"/>
      <c r="G17" s="338"/>
      <c r="H17" s="339"/>
    </row>
    <row r="18" spans="1:8" ht="130.5" customHeight="1" thickBot="1">
      <c r="A18" s="31" t="s">
        <v>80</v>
      </c>
      <c r="B18" s="340"/>
      <c r="C18" s="341"/>
      <c r="D18" s="341"/>
      <c r="E18" s="341"/>
      <c r="F18" s="341"/>
      <c r="G18" s="341"/>
      <c r="H18" s="342"/>
    </row>
    <row r="19" spans="1:8" ht="12" customHeight="1">
      <c r="A19" s="32"/>
      <c r="B19" s="33"/>
      <c r="C19" s="33"/>
      <c r="D19" s="33"/>
      <c r="E19" s="33"/>
      <c r="F19" s="33"/>
      <c r="G19" s="33"/>
      <c r="H19" s="33"/>
    </row>
    <row r="20" spans="1:8" ht="25" customHeight="1">
      <c r="A20" s="350"/>
      <c r="B20" s="343"/>
      <c r="C20" s="343"/>
      <c r="D20" s="343"/>
      <c r="E20" s="351"/>
      <c r="F20" s="351"/>
      <c r="G20" s="351"/>
      <c r="H20" s="351"/>
    </row>
    <row r="21" spans="1:8" ht="25" customHeight="1">
      <c r="A21" s="350"/>
      <c r="B21" s="343"/>
      <c r="C21" s="343"/>
      <c r="D21" s="343"/>
      <c r="E21" s="352"/>
      <c r="F21" s="352"/>
      <c r="G21" s="352"/>
      <c r="H21" s="352"/>
    </row>
    <row r="22" spans="1:8" ht="25" customHeight="1">
      <c r="A22" s="350"/>
      <c r="B22" s="343"/>
      <c r="C22" s="343"/>
      <c r="D22" s="343"/>
      <c r="E22" s="351"/>
      <c r="F22" s="351"/>
      <c r="G22" s="351"/>
      <c r="H22" s="351"/>
    </row>
    <row r="23" spans="1:8" ht="28.5" customHeight="1">
      <c r="A23" s="350"/>
      <c r="B23" s="343"/>
      <c r="C23" s="343"/>
      <c r="D23" s="343"/>
      <c r="E23" s="344"/>
      <c r="F23" s="344"/>
      <c r="G23" s="344"/>
      <c r="H23" s="344"/>
    </row>
    <row r="24" spans="1:8" ht="28.5" customHeight="1">
      <c r="A24" s="350"/>
      <c r="B24" s="345"/>
      <c r="C24" s="345"/>
      <c r="D24" s="345"/>
      <c r="E24" s="344"/>
      <c r="F24" s="344"/>
      <c r="G24" s="344"/>
      <c r="H24" s="344"/>
    </row>
    <row r="25" spans="1:8" ht="26.25" customHeight="1">
      <c r="A25" s="350"/>
      <c r="B25" s="346"/>
      <c r="C25" s="346"/>
      <c r="D25" s="346"/>
      <c r="E25" s="346"/>
      <c r="F25" s="346"/>
      <c r="G25" s="346"/>
      <c r="H25" s="346"/>
    </row>
    <row r="26" spans="1:8" ht="12" customHeight="1" thickBot="1">
      <c r="A26" s="34"/>
      <c r="B26" s="35"/>
      <c r="C26" s="35"/>
      <c r="D26" s="35"/>
      <c r="E26" s="35"/>
      <c r="F26" s="35"/>
      <c r="G26" s="35"/>
      <c r="H26" s="35"/>
    </row>
    <row r="27" spans="1:8" ht="18.75" customHeight="1">
      <c r="A27" s="347" t="s">
        <v>383</v>
      </c>
      <c r="B27" s="348"/>
      <c r="C27" s="348"/>
      <c r="D27" s="348"/>
      <c r="E27" s="348"/>
      <c r="F27" s="348"/>
      <c r="G27" s="348"/>
      <c r="H27" s="349"/>
    </row>
    <row r="28" spans="1:8" ht="33" customHeight="1">
      <c r="A28" s="36"/>
      <c r="B28" s="37" t="s">
        <v>81</v>
      </c>
      <c r="C28" s="37" t="s">
        <v>82</v>
      </c>
      <c r="D28" s="37" t="s">
        <v>83</v>
      </c>
      <c r="E28" s="37" t="s">
        <v>84</v>
      </c>
      <c r="F28" s="37" t="s">
        <v>85</v>
      </c>
      <c r="G28" s="353" t="s">
        <v>70</v>
      </c>
      <c r="H28" s="354"/>
    </row>
    <row r="29" spans="1:8" ht="25.5" customHeight="1">
      <c r="A29" s="38">
        <v>1</v>
      </c>
      <c r="B29" s="39"/>
      <c r="C29" s="39"/>
      <c r="D29" s="39"/>
      <c r="E29" s="39"/>
      <c r="F29" s="39"/>
      <c r="G29" s="336"/>
      <c r="H29" s="337"/>
    </row>
    <row r="30" spans="1:8" ht="25.5" customHeight="1">
      <c r="A30" s="38">
        <v>2</v>
      </c>
      <c r="B30" s="39"/>
      <c r="C30" s="39"/>
      <c r="D30" s="39"/>
      <c r="E30" s="39"/>
      <c r="F30" s="39"/>
      <c r="G30" s="336"/>
      <c r="H30" s="337"/>
    </row>
    <row r="31" spans="1:8" ht="25.5" customHeight="1">
      <c r="A31" s="38">
        <v>3</v>
      </c>
      <c r="B31" s="39"/>
      <c r="C31" s="39"/>
      <c r="D31" s="39"/>
      <c r="E31" s="39"/>
      <c r="F31" s="39"/>
      <c r="G31" s="336"/>
      <c r="H31" s="337"/>
    </row>
    <row r="32" spans="1:8" ht="25.5" customHeight="1">
      <c r="A32" s="38">
        <v>4</v>
      </c>
      <c r="B32" s="39"/>
      <c r="C32" s="39"/>
      <c r="D32" s="39"/>
      <c r="E32" s="39"/>
      <c r="F32" s="39"/>
      <c r="G32" s="336"/>
      <c r="H32" s="337"/>
    </row>
    <row r="33" spans="1:8" ht="25.5" customHeight="1">
      <c r="A33" s="38">
        <v>5</v>
      </c>
      <c r="B33" s="39"/>
      <c r="C33" s="39"/>
      <c r="D33" s="39"/>
      <c r="E33" s="39"/>
      <c r="F33" s="39"/>
      <c r="G33" s="336"/>
      <c r="H33" s="337"/>
    </row>
    <row r="34" spans="1:8" ht="25.5" customHeight="1">
      <c r="A34" s="38">
        <v>6</v>
      </c>
      <c r="B34" s="39"/>
      <c r="C34" s="39"/>
      <c r="D34" s="39"/>
      <c r="E34" s="39"/>
      <c r="F34" s="39"/>
      <c r="G34" s="336"/>
      <c r="H34" s="337"/>
    </row>
    <row r="35" spans="1:8" ht="25.5" customHeight="1">
      <c r="A35" s="38">
        <v>7</v>
      </c>
      <c r="B35" s="39"/>
      <c r="C35" s="39"/>
      <c r="D35" s="39"/>
      <c r="E35" s="39"/>
      <c r="F35" s="39"/>
      <c r="G35" s="336"/>
      <c r="H35" s="337"/>
    </row>
    <row r="36" spans="1:8" ht="25.5" customHeight="1" thickBot="1">
      <c r="A36" s="40">
        <v>8</v>
      </c>
      <c r="B36" s="41"/>
      <c r="C36" s="41"/>
      <c r="D36" s="41"/>
      <c r="E36" s="41"/>
      <c r="F36" s="41"/>
      <c r="G36" s="325"/>
      <c r="H36" s="326"/>
    </row>
    <row r="37" spans="1:8" ht="13.5" thickBot="1">
      <c r="A37" s="29"/>
      <c r="B37" s="29"/>
      <c r="C37" s="29"/>
      <c r="D37" s="29"/>
      <c r="E37" s="29"/>
      <c r="F37" s="29"/>
      <c r="G37" s="29"/>
      <c r="H37" s="29"/>
    </row>
    <row r="38" spans="1:8" ht="17.25" customHeight="1">
      <c r="A38" s="327" t="s">
        <v>86</v>
      </c>
      <c r="B38" s="42" t="s">
        <v>82</v>
      </c>
      <c r="C38" s="42" t="s">
        <v>87</v>
      </c>
      <c r="D38" s="42" t="s">
        <v>88</v>
      </c>
      <c r="E38" s="42" t="s">
        <v>70</v>
      </c>
      <c r="F38" s="42" t="s">
        <v>84</v>
      </c>
      <c r="G38" s="330" t="s">
        <v>89</v>
      </c>
      <c r="H38" s="331"/>
    </row>
    <row r="39" spans="1:8" ht="30" customHeight="1">
      <c r="A39" s="328"/>
      <c r="B39" s="43"/>
      <c r="C39" s="43"/>
      <c r="D39" s="43"/>
      <c r="E39" s="43"/>
      <c r="F39" s="43"/>
      <c r="G39" s="332"/>
      <c r="H39" s="333"/>
    </row>
    <row r="40" spans="1:8" ht="30" customHeight="1">
      <c r="A40" s="328"/>
      <c r="B40" s="43"/>
      <c r="C40" s="43"/>
      <c r="D40" s="43"/>
      <c r="E40" s="43"/>
      <c r="F40" s="43"/>
      <c r="G40" s="332"/>
      <c r="H40" s="333"/>
    </row>
    <row r="41" spans="1:8" ht="30" customHeight="1">
      <c r="A41" s="328"/>
      <c r="B41" s="43"/>
      <c r="C41" s="43"/>
      <c r="D41" s="43"/>
      <c r="E41" s="43"/>
      <c r="F41" s="43"/>
      <c r="G41" s="332"/>
      <c r="H41" s="333"/>
    </row>
    <row r="42" spans="1:8" ht="30" customHeight="1">
      <c r="A42" s="328"/>
      <c r="B42" s="43"/>
      <c r="C42" s="43"/>
      <c r="D42" s="43"/>
      <c r="E42" s="43"/>
      <c r="F42" s="43"/>
      <c r="G42" s="332"/>
      <c r="H42" s="333"/>
    </row>
    <row r="43" spans="1:8" ht="30" customHeight="1">
      <c r="A43" s="328"/>
      <c r="B43" s="43"/>
      <c r="C43" s="43"/>
      <c r="D43" s="43"/>
      <c r="E43" s="43"/>
      <c r="F43" s="43"/>
      <c r="G43" s="332"/>
      <c r="H43" s="333"/>
    </row>
    <row r="44" spans="1:8" ht="30" customHeight="1">
      <c r="A44" s="328"/>
      <c r="B44" s="43"/>
      <c r="C44" s="43"/>
      <c r="D44" s="43"/>
      <c r="E44" s="43"/>
      <c r="F44" s="43"/>
      <c r="G44" s="332"/>
      <c r="H44" s="333"/>
    </row>
    <row r="45" spans="1:8" ht="30" customHeight="1">
      <c r="A45" s="328"/>
      <c r="B45" s="43"/>
      <c r="C45" s="43"/>
      <c r="D45" s="43"/>
      <c r="E45" s="43"/>
      <c r="F45" s="43"/>
      <c r="G45" s="332"/>
      <c r="H45" s="333"/>
    </row>
    <row r="46" spans="1:8" ht="30" customHeight="1" thickBot="1">
      <c r="A46" s="329"/>
      <c r="B46" s="44"/>
      <c r="C46" s="44"/>
      <c r="D46" s="44"/>
      <c r="E46" s="44"/>
      <c r="F46" s="44"/>
      <c r="G46" s="334"/>
      <c r="H46" s="335"/>
    </row>
    <row r="47" spans="1:8" ht="13.5" thickBot="1">
      <c r="A47" s="29"/>
      <c r="B47" s="29"/>
      <c r="C47" s="29"/>
      <c r="D47" s="29"/>
      <c r="E47" s="29"/>
      <c r="F47" s="29"/>
      <c r="G47" s="29"/>
      <c r="H47" s="29"/>
    </row>
    <row r="48" spans="1:8" ht="48" customHeight="1">
      <c r="A48" s="309" t="s">
        <v>90</v>
      </c>
      <c r="B48" s="312" t="s">
        <v>91</v>
      </c>
      <c r="C48" s="312"/>
      <c r="D48" s="313" t="s">
        <v>92</v>
      </c>
      <c r="E48" s="313"/>
      <c r="F48" s="313"/>
      <c r="G48" s="314" t="s">
        <v>306</v>
      </c>
      <c r="H48" s="315"/>
    </row>
    <row r="49" spans="1:8" ht="26.25" customHeight="1">
      <c r="A49" s="310"/>
      <c r="B49" s="203" t="s">
        <v>93</v>
      </c>
      <c r="C49" s="203" t="s">
        <v>94</v>
      </c>
      <c r="D49" s="203" t="s">
        <v>95</v>
      </c>
      <c r="E49" s="203" t="s">
        <v>96</v>
      </c>
      <c r="F49" s="203" t="s">
        <v>97</v>
      </c>
      <c r="G49" s="316" t="s">
        <v>98</v>
      </c>
      <c r="H49" s="317"/>
    </row>
    <row r="50" spans="1:8" ht="27" customHeight="1">
      <c r="A50" s="310"/>
      <c r="B50" s="45"/>
      <c r="C50" s="45"/>
      <c r="D50" s="204"/>
      <c r="E50" s="204"/>
      <c r="F50" s="204"/>
      <c r="G50" s="318"/>
      <c r="H50" s="319"/>
    </row>
    <row r="51" spans="1:8" ht="27" customHeight="1">
      <c r="A51" s="310"/>
      <c r="B51" s="45"/>
      <c r="C51" s="45"/>
      <c r="D51" s="204"/>
      <c r="E51" s="45"/>
      <c r="F51" s="45"/>
      <c r="G51" s="318"/>
      <c r="H51" s="319"/>
    </row>
    <row r="52" spans="1:8" ht="27" customHeight="1" thickBot="1">
      <c r="A52" s="310"/>
      <c r="B52" s="46"/>
      <c r="C52" s="46"/>
      <c r="D52" s="205"/>
      <c r="E52" s="205"/>
      <c r="F52" s="205"/>
      <c r="G52" s="320"/>
      <c r="H52" s="321"/>
    </row>
    <row r="53" spans="1:8" ht="49.5" customHeight="1" thickTop="1" thickBot="1">
      <c r="A53" s="311"/>
      <c r="B53" s="322" t="s">
        <v>99</v>
      </c>
      <c r="C53" s="322"/>
      <c r="D53" s="206"/>
      <c r="E53" s="206"/>
      <c r="F53" s="207"/>
      <c r="G53" s="323"/>
      <c r="H53" s="324"/>
    </row>
  </sheetData>
  <mergeCells count="68">
    <mergeCell ref="A6:C6"/>
    <mergeCell ref="D6:H6"/>
    <mergeCell ref="A2:H2"/>
    <mergeCell ref="A4:C4"/>
    <mergeCell ref="D4:H4"/>
    <mergeCell ref="A5:C5"/>
    <mergeCell ref="D5:H5"/>
    <mergeCell ref="A7:C7"/>
    <mergeCell ref="D7:H7"/>
    <mergeCell ref="A8:C8"/>
    <mergeCell ref="D8:H8"/>
    <mergeCell ref="A9:C9"/>
    <mergeCell ref="D9:H9"/>
    <mergeCell ref="A10:B11"/>
    <mergeCell ref="C10:H11"/>
    <mergeCell ref="A12:C12"/>
    <mergeCell ref="D12:H12"/>
    <mergeCell ref="A13:A15"/>
    <mergeCell ref="B13:C13"/>
    <mergeCell ref="D13:H13"/>
    <mergeCell ref="B14:C14"/>
    <mergeCell ref="D14:E14"/>
    <mergeCell ref="F14:F15"/>
    <mergeCell ref="G14:H15"/>
    <mergeCell ref="B15:C15"/>
    <mergeCell ref="D15:E15"/>
    <mergeCell ref="B17:H17"/>
    <mergeCell ref="B18:H18"/>
    <mergeCell ref="G33:H33"/>
    <mergeCell ref="B23:D23"/>
    <mergeCell ref="E23:H23"/>
    <mergeCell ref="B24:D24"/>
    <mergeCell ref="E24:H24"/>
    <mergeCell ref="B25:H25"/>
    <mergeCell ref="A27:H27"/>
    <mergeCell ref="A20:A25"/>
    <mergeCell ref="B20:D22"/>
    <mergeCell ref="E20:H20"/>
    <mergeCell ref="E21:H21"/>
    <mergeCell ref="E22:H22"/>
    <mergeCell ref="G28:H28"/>
    <mergeCell ref="G29:H29"/>
    <mergeCell ref="G30:H30"/>
    <mergeCell ref="G31:H31"/>
    <mergeCell ref="G32:H32"/>
    <mergeCell ref="G34:H34"/>
    <mergeCell ref="G35:H35"/>
    <mergeCell ref="G36:H36"/>
    <mergeCell ref="A38:A46"/>
    <mergeCell ref="G38:H38"/>
    <mergeCell ref="G39:H39"/>
    <mergeCell ref="G40:H40"/>
    <mergeCell ref="G41:H41"/>
    <mergeCell ref="G42:H42"/>
    <mergeCell ref="G43:H43"/>
    <mergeCell ref="G44:H44"/>
    <mergeCell ref="G45:H45"/>
    <mergeCell ref="G46:H46"/>
    <mergeCell ref="A48:A53"/>
    <mergeCell ref="B48:C48"/>
    <mergeCell ref="D48:F48"/>
    <mergeCell ref="G48:H48"/>
    <mergeCell ref="G49:H49"/>
    <mergeCell ref="G50:H50"/>
    <mergeCell ref="G51:H51"/>
    <mergeCell ref="G52:H52"/>
    <mergeCell ref="B53:C53"/>
    <mergeCell ref="G53:H53"/>
  </mergeCells>
  <phoneticPr fontId="4"/>
  <pageMargins left="0.70866141732283472" right="0.70866141732283472" top="0.74803149606299213" bottom="0.74803149606299213" header="0.31496062992125984" footer="0.31496062992125984"/>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C000"/>
  </sheetPr>
  <dimension ref="A1:F34"/>
  <sheetViews>
    <sheetView workbookViewId="0">
      <selection activeCell="J23" sqref="J23"/>
    </sheetView>
  </sheetViews>
  <sheetFormatPr defaultColWidth="9" defaultRowHeight="13"/>
  <cols>
    <col min="1" max="1" width="9.7265625" style="25" customWidth="1"/>
    <col min="2" max="2" width="6.6328125" style="25" customWidth="1"/>
    <col min="3" max="3" width="8.90625" style="25" customWidth="1"/>
    <col min="4" max="4" width="28.6328125" style="25" customWidth="1"/>
    <col min="5" max="5" width="10.90625" style="25" customWidth="1"/>
    <col min="6" max="6" width="25.08984375" style="25" customWidth="1"/>
    <col min="7" max="16384" width="9" style="25"/>
  </cols>
  <sheetData>
    <row r="1" spans="1:6">
      <c r="A1" s="25" t="s">
        <v>100</v>
      </c>
    </row>
    <row r="2" spans="1:6" ht="24" customHeight="1">
      <c r="A2" s="301" t="s">
        <v>101</v>
      </c>
      <c r="B2" s="301"/>
      <c r="C2" s="301"/>
      <c r="D2" s="301"/>
      <c r="E2" s="301"/>
      <c r="F2" s="301"/>
    </row>
    <row r="3" spans="1:6" ht="13.5" thickBot="1"/>
    <row r="4" spans="1:6" ht="30.75" customHeight="1">
      <c r="A4" s="408" t="s">
        <v>69</v>
      </c>
      <c r="B4" s="409"/>
      <c r="C4" s="410"/>
      <c r="D4" s="411"/>
      <c r="E4" s="411"/>
      <c r="F4" s="412"/>
    </row>
    <row r="5" spans="1:6">
      <c r="A5" s="413" t="s">
        <v>102</v>
      </c>
      <c r="B5" s="414"/>
      <c r="C5" s="415"/>
      <c r="D5" s="416"/>
      <c r="E5" s="417" t="s">
        <v>61</v>
      </c>
      <c r="F5" s="418" t="s">
        <v>103</v>
      </c>
    </row>
    <row r="6" spans="1:6" ht="29.25" customHeight="1">
      <c r="A6" s="420" t="s">
        <v>78</v>
      </c>
      <c r="B6" s="421"/>
      <c r="C6" s="422"/>
      <c r="D6" s="423"/>
      <c r="E6" s="417"/>
      <c r="F6" s="419"/>
    </row>
    <row r="7" spans="1:6" ht="20.25" customHeight="1">
      <c r="A7" s="424" t="s">
        <v>77</v>
      </c>
      <c r="B7" s="417"/>
      <c r="C7" s="427"/>
      <c r="D7" s="428"/>
      <c r="E7" s="414" t="s">
        <v>5</v>
      </c>
      <c r="F7" s="432"/>
    </row>
    <row r="8" spans="1:6" ht="20.25" customHeight="1" thickBot="1">
      <c r="A8" s="425"/>
      <c r="B8" s="426"/>
      <c r="C8" s="429"/>
      <c r="D8" s="430"/>
      <c r="E8" s="431"/>
      <c r="F8" s="433"/>
    </row>
    <row r="9" spans="1:6" ht="13.5" thickBot="1">
      <c r="C9" s="47"/>
    </row>
    <row r="10" spans="1:6" ht="18" customHeight="1">
      <c r="A10" s="48" t="s">
        <v>104</v>
      </c>
      <c r="B10" s="49" t="s">
        <v>105</v>
      </c>
      <c r="C10" s="50" t="s">
        <v>104</v>
      </c>
      <c r="D10" s="434" t="s">
        <v>106</v>
      </c>
      <c r="E10" s="434"/>
      <c r="F10" s="435"/>
    </row>
    <row r="11" spans="1:6" ht="27" customHeight="1">
      <c r="A11" s="51"/>
      <c r="B11" s="5" t="s">
        <v>105</v>
      </c>
      <c r="C11" s="52"/>
      <c r="D11" s="373"/>
      <c r="E11" s="373"/>
      <c r="F11" s="374"/>
    </row>
    <row r="12" spans="1:6" ht="27" customHeight="1">
      <c r="A12" s="53"/>
      <c r="B12" s="5" t="s">
        <v>105</v>
      </c>
      <c r="C12" s="54"/>
      <c r="D12" s="371"/>
      <c r="E12" s="371"/>
      <c r="F12" s="399"/>
    </row>
    <row r="13" spans="1:6" ht="18" customHeight="1">
      <c r="A13" s="400" t="s">
        <v>104</v>
      </c>
      <c r="B13" s="402" t="s">
        <v>105</v>
      </c>
      <c r="C13" s="402" t="s">
        <v>104</v>
      </c>
      <c r="D13" s="404" t="s">
        <v>107</v>
      </c>
      <c r="E13" s="404"/>
      <c r="F13" s="405"/>
    </row>
    <row r="14" spans="1:6" ht="18" customHeight="1">
      <c r="A14" s="401"/>
      <c r="B14" s="403"/>
      <c r="C14" s="403"/>
      <c r="D14" s="406" t="s">
        <v>108</v>
      </c>
      <c r="E14" s="407"/>
      <c r="F14" s="55" t="s">
        <v>109</v>
      </c>
    </row>
    <row r="15" spans="1:6" ht="27" customHeight="1">
      <c r="A15" s="51"/>
      <c r="B15" s="5" t="s">
        <v>105</v>
      </c>
      <c r="C15" s="52"/>
      <c r="D15" s="367"/>
      <c r="E15" s="396"/>
      <c r="F15" s="56"/>
    </row>
    <row r="16" spans="1:6" ht="27" customHeight="1">
      <c r="A16" s="53"/>
      <c r="B16" s="5" t="s">
        <v>105</v>
      </c>
      <c r="C16" s="54"/>
      <c r="D16" s="367"/>
      <c r="E16" s="396"/>
      <c r="F16" s="56"/>
    </row>
    <row r="17" spans="1:6" ht="27" customHeight="1">
      <c r="A17" s="53"/>
      <c r="B17" s="5" t="s">
        <v>105</v>
      </c>
      <c r="C17" s="54"/>
      <c r="D17" s="367"/>
      <c r="E17" s="396"/>
      <c r="F17" s="56"/>
    </row>
    <row r="18" spans="1:6" ht="27" customHeight="1">
      <c r="A18" s="53"/>
      <c r="B18" s="5" t="s">
        <v>105</v>
      </c>
      <c r="C18" s="54"/>
      <c r="D18" s="367"/>
      <c r="E18" s="396"/>
      <c r="F18" s="56"/>
    </row>
    <row r="19" spans="1:6" ht="27" customHeight="1">
      <c r="A19" s="53"/>
      <c r="B19" s="5" t="s">
        <v>105</v>
      </c>
      <c r="C19" s="54"/>
      <c r="D19" s="367"/>
      <c r="E19" s="396"/>
      <c r="F19" s="56"/>
    </row>
    <row r="20" spans="1:6" ht="27" customHeight="1">
      <c r="A20" s="53"/>
      <c r="B20" s="5" t="s">
        <v>105</v>
      </c>
      <c r="C20" s="54"/>
      <c r="D20" s="367"/>
      <c r="E20" s="396"/>
      <c r="F20" s="56"/>
    </row>
    <row r="21" spans="1:6" ht="27" customHeight="1">
      <c r="A21" s="53"/>
      <c r="B21" s="5" t="s">
        <v>105</v>
      </c>
      <c r="C21" s="54"/>
      <c r="D21" s="367"/>
      <c r="E21" s="396"/>
      <c r="F21" s="57"/>
    </row>
    <row r="22" spans="1:6" ht="18" customHeight="1">
      <c r="A22" s="58" t="s">
        <v>104</v>
      </c>
      <c r="B22" s="59" t="s">
        <v>105</v>
      </c>
      <c r="C22" s="60" t="s">
        <v>104</v>
      </c>
      <c r="D22" s="397" t="s">
        <v>110</v>
      </c>
      <c r="E22" s="397"/>
      <c r="F22" s="398"/>
    </row>
    <row r="23" spans="1:6" ht="27" customHeight="1">
      <c r="A23" s="51"/>
      <c r="B23" s="5" t="s">
        <v>105</v>
      </c>
      <c r="C23" s="52"/>
      <c r="D23" s="373"/>
      <c r="E23" s="373"/>
      <c r="F23" s="374"/>
    </row>
    <row r="24" spans="1:6" ht="27" customHeight="1">
      <c r="A24" s="53"/>
      <c r="B24" s="5" t="s">
        <v>105</v>
      </c>
      <c r="C24" s="54"/>
      <c r="D24" s="373"/>
      <c r="E24" s="373"/>
      <c r="F24" s="374"/>
    </row>
    <row r="25" spans="1:6" ht="27" customHeight="1">
      <c r="A25" s="53"/>
      <c r="B25" s="5" t="s">
        <v>105</v>
      </c>
      <c r="C25" s="54"/>
      <c r="D25" s="373"/>
      <c r="E25" s="373"/>
      <c r="F25" s="374"/>
    </row>
    <row r="26" spans="1:6" ht="14">
      <c r="A26" s="61" t="s">
        <v>104</v>
      </c>
      <c r="B26" s="393" t="s">
        <v>111</v>
      </c>
      <c r="C26" s="394"/>
      <c r="D26" s="394"/>
      <c r="E26" s="394"/>
      <c r="F26" s="395"/>
    </row>
    <row r="27" spans="1:6" ht="27" customHeight="1">
      <c r="A27" s="62"/>
      <c r="B27" s="387"/>
      <c r="C27" s="388"/>
      <c r="D27" s="388"/>
      <c r="E27" s="388"/>
      <c r="F27" s="389"/>
    </row>
    <row r="28" spans="1:6" ht="27" customHeight="1">
      <c r="A28" s="62"/>
      <c r="B28" s="387"/>
      <c r="C28" s="388"/>
      <c r="D28" s="388"/>
      <c r="E28" s="388"/>
      <c r="F28" s="389"/>
    </row>
    <row r="29" spans="1:6" ht="27" customHeight="1">
      <c r="A29" s="62"/>
      <c r="B29" s="387"/>
      <c r="C29" s="388"/>
      <c r="D29" s="388"/>
      <c r="E29" s="388"/>
      <c r="F29" s="389"/>
    </row>
    <row r="30" spans="1:6" ht="14">
      <c r="A30" s="61" t="s">
        <v>104</v>
      </c>
      <c r="B30" s="393" t="s">
        <v>112</v>
      </c>
      <c r="C30" s="394"/>
      <c r="D30" s="394"/>
      <c r="E30" s="394"/>
      <c r="F30" s="395"/>
    </row>
    <row r="31" spans="1:6" ht="27" customHeight="1">
      <c r="A31" s="62"/>
      <c r="B31" s="387"/>
      <c r="C31" s="388"/>
      <c r="D31" s="388"/>
      <c r="E31" s="388"/>
      <c r="F31" s="389"/>
    </row>
    <row r="32" spans="1:6" ht="27" customHeight="1">
      <c r="A32" s="62"/>
      <c r="B32" s="387"/>
      <c r="C32" s="388"/>
      <c r="D32" s="388"/>
      <c r="E32" s="388"/>
      <c r="F32" s="389"/>
    </row>
    <row r="33" spans="1:6" ht="27" customHeight="1">
      <c r="A33" s="62"/>
      <c r="B33" s="387"/>
      <c r="C33" s="388"/>
      <c r="D33" s="388"/>
      <c r="E33" s="388"/>
      <c r="F33" s="389"/>
    </row>
    <row r="34" spans="1:6" ht="42" customHeight="1" thickBot="1">
      <c r="A34" s="63" t="s">
        <v>89</v>
      </c>
      <c r="B34" s="390"/>
      <c r="C34" s="391"/>
      <c r="D34" s="391"/>
      <c r="E34" s="391"/>
      <c r="F34" s="392"/>
    </row>
  </sheetData>
  <mergeCells count="41">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 ref="D12:F12"/>
    <mergeCell ref="A13:A14"/>
    <mergeCell ref="B13:B14"/>
    <mergeCell ref="C13:C14"/>
    <mergeCell ref="D13:F13"/>
    <mergeCell ref="D14:E14"/>
    <mergeCell ref="B26:F26"/>
    <mergeCell ref="D15:E15"/>
    <mergeCell ref="D16:E16"/>
    <mergeCell ref="D17:E17"/>
    <mergeCell ref="D18:E18"/>
    <mergeCell ref="D19:E19"/>
    <mergeCell ref="D20:E20"/>
    <mergeCell ref="D21:E21"/>
    <mergeCell ref="D22:F22"/>
    <mergeCell ref="D23:F23"/>
    <mergeCell ref="D24:F24"/>
    <mergeCell ref="D25:F25"/>
    <mergeCell ref="B33:F33"/>
    <mergeCell ref="B34:F34"/>
    <mergeCell ref="B27:F27"/>
    <mergeCell ref="B28:F28"/>
    <mergeCell ref="B29:F29"/>
    <mergeCell ref="B30:F30"/>
    <mergeCell ref="B31:F31"/>
    <mergeCell ref="B32:F32"/>
  </mergeCells>
  <phoneticPr fontId="4"/>
  <pageMargins left="0.70866141732283472" right="0.59055118110236227" top="0.47244094488188981" bottom="0.47244094488188981" header="0.31496062992125984" footer="0.31496062992125984"/>
  <pageSetup paperSize="9" orientation="portrait" horizontalDpi="300" verticalDpi="30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FF00"/>
  </sheetPr>
  <dimension ref="B1:H23"/>
  <sheetViews>
    <sheetView workbookViewId="0">
      <selection activeCell="F19" sqref="F19:G19"/>
    </sheetView>
  </sheetViews>
  <sheetFormatPr defaultColWidth="8.90625" defaultRowHeight="13"/>
  <cols>
    <col min="1" max="1" width="4.90625" style="251" customWidth="1"/>
    <col min="2" max="2" width="17.7265625" style="251" customWidth="1"/>
    <col min="3" max="3" width="17.453125" style="251" customWidth="1"/>
    <col min="4" max="4" width="17.6328125" style="251" customWidth="1"/>
    <col min="5" max="5" width="12.6328125" style="251" customWidth="1"/>
    <col min="6" max="6" width="19.6328125" style="251" customWidth="1"/>
    <col min="7" max="7" width="16.08984375" style="251" bestFit="1" customWidth="1"/>
    <col min="8" max="8" width="23.26953125" style="251" customWidth="1"/>
    <col min="9" max="16384" width="8.90625" style="251"/>
  </cols>
  <sheetData>
    <row r="1" spans="2:8">
      <c r="B1" s="251" t="s">
        <v>400</v>
      </c>
    </row>
    <row r="2" spans="2:8" ht="30.75" customHeight="1">
      <c r="D2" s="257" t="s">
        <v>401</v>
      </c>
      <c r="E2" s="257"/>
    </row>
    <row r="3" spans="2:8" ht="39" customHeight="1">
      <c r="F3" s="439" t="s">
        <v>386</v>
      </c>
      <c r="G3" s="439"/>
      <c r="H3" s="439"/>
    </row>
    <row r="4" spans="2:8" ht="24.75" customHeight="1">
      <c r="B4" s="251" t="s">
        <v>387</v>
      </c>
    </row>
    <row r="5" spans="2:8">
      <c r="B5" s="440" t="s">
        <v>388</v>
      </c>
      <c r="C5" s="440" t="s">
        <v>389</v>
      </c>
      <c r="D5" s="440" t="s">
        <v>390</v>
      </c>
      <c r="E5" s="440" t="s">
        <v>391</v>
      </c>
      <c r="F5" s="442" t="s">
        <v>392</v>
      </c>
      <c r="G5" s="443"/>
      <c r="H5" s="440" t="s">
        <v>393</v>
      </c>
    </row>
    <row r="6" spans="2:8" ht="22.5">
      <c r="B6" s="441"/>
      <c r="C6" s="441"/>
      <c r="D6" s="441"/>
      <c r="E6" s="441"/>
      <c r="F6" s="255" t="s">
        <v>394</v>
      </c>
      <c r="G6" s="256" t="s">
        <v>395</v>
      </c>
      <c r="H6" s="441"/>
    </row>
    <row r="7" spans="2:8" ht="40.5" customHeight="1">
      <c r="B7" s="252"/>
      <c r="C7" s="252"/>
      <c r="D7" s="252"/>
      <c r="E7" s="252"/>
      <c r="F7" s="252"/>
      <c r="G7" s="252"/>
      <c r="H7" s="252"/>
    </row>
    <row r="8" spans="2:8" ht="40.5" customHeight="1">
      <c r="B8" s="252"/>
      <c r="C8" s="252"/>
      <c r="D8" s="252"/>
      <c r="E8" s="252"/>
      <c r="F8" s="252"/>
      <c r="G8" s="252"/>
      <c r="H8" s="252"/>
    </row>
    <row r="9" spans="2:8" ht="40.5" customHeight="1">
      <c r="B9" s="252"/>
      <c r="C9" s="252"/>
      <c r="D9" s="252"/>
      <c r="E9" s="252"/>
      <c r="F9" s="252"/>
      <c r="G9" s="252"/>
      <c r="H9" s="252"/>
    </row>
    <row r="10" spans="2:8" ht="40.5" customHeight="1">
      <c r="B10" s="252"/>
      <c r="C10" s="252"/>
      <c r="D10" s="252"/>
      <c r="E10" s="252"/>
      <c r="F10" s="252"/>
      <c r="G10" s="252"/>
      <c r="H10" s="252"/>
    </row>
    <row r="11" spans="2:8" ht="40.5" customHeight="1">
      <c r="B11" s="252"/>
      <c r="C11" s="252"/>
      <c r="D11" s="252"/>
      <c r="E11" s="252"/>
      <c r="F11" s="252"/>
      <c r="G11" s="252"/>
      <c r="H11" s="252"/>
    </row>
    <row r="12" spans="2:8">
      <c r="B12" s="251" t="s">
        <v>396</v>
      </c>
    </row>
    <row r="13" spans="2:8">
      <c r="B13" s="251" t="s">
        <v>397</v>
      </c>
    </row>
    <row r="14" spans="2:8">
      <c r="B14" s="251" t="s">
        <v>398</v>
      </c>
    </row>
    <row r="15" spans="2:8">
      <c r="B15" s="251" t="s">
        <v>399</v>
      </c>
    </row>
    <row r="17" spans="2:8">
      <c r="B17" s="253"/>
      <c r="C17" s="253"/>
      <c r="D17" s="253"/>
      <c r="E17" s="253"/>
      <c r="F17" s="253"/>
      <c r="G17" s="253"/>
      <c r="H17" s="253"/>
    </row>
    <row r="18" spans="2:8">
      <c r="B18" s="436"/>
      <c r="C18" s="436"/>
      <c r="D18" s="436"/>
      <c r="E18" s="436"/>
      <c r="F18" s="436"/>
      <c r="G18" s="436"/>
      <c r="H18" s="436"/>
    </row>
    <row r="19" spans="2:8" ht="28.9" customHeight="1">
      <c r="B19" s="436"/>
      <c r="C19" s="436"/>
      <c r="D19" s="436"/>
      <c r="E19" s="436"/>
      <c r="F19" s="437"/>
      <c r="G19" s="438"/>
      <c r="H19" s="254"/>
    </row>
    <row r="20" spans="2:8" ht="27.65" customHeight="1">
      <c r="B20" s="253"/>
      <c r="C20" s="253"/>
      <c r="D20" s="253"/>
      <c r="E20" s="253"/>
      <c r="F20" s="253"/>
      <c r="G20" s="253"/>
      <c r="H20" s="253"/>
    </row>
    <row r="21" spans="2:8" ht="27.65" customHeight="1">
      <c r="B21" s="253"/>
      <c r="C21" s="253"/>
      <c r="D21" s="253"/>
      <c r="E21" s="253"/>
      <c r="F21" s="253"/>
      <c r="G21" s="253"/>
      <c r="H21" s="253"/>
    </row>
    <row r="22" spans="2:8" ht="27.65" customHeight="1">
      <c r="B22" s="253"/>
      <c r="C22" s="253"/>
      <c r="D22" s="253"/>
      <c r="E22" s="253"/>
      <c r="F22" s="253"/>
      <c r="G22" s="253"/>
      <c r="H22" s="253"/>
    </row>
    <row r="23" spans="2:8" ht="27.65" customHeight="1">
      <c r="B23" s="253"/>
      <c r="C23" s="253"/>
      <c r="D23" s="253"/>
      <c r="E23" s="253"/>
      <c r="F23" s="253"/>
      <c r="G23" s="253"/>
      <c r="H23" s="253"/>
    </row>
  </sheetData>
  <mergeCells count="13">
    <mergeCell ref="F3:H3"/>
    <mergeCell ref="B5:B6"/>
    <mergeCell ref="C5:C6"/>
    <mergeCell ref="D5:D6"/>
    <mergeCell ref="E5:E6"/>
    <mergeCell ref="F5:G5"/>
    <mergeCell ref="H5:H6"/>
    <mergeCell ref="B18:B19"/>
    <mergeCell ref="C18:C19"/>
    <mergeCell ref="D18:D19"/>
    <mergeCell ref="E18:E19"/>
    <mergeCell ref="F18:H18"/>
    <mergeCell ref="F19:G19"/>
  </mergeCells>
  <phoneticPr fontId="4"/>
  <pageMargins left="0.7" right="0.7" top="0.75" bottom="0.75" header="0.3" footer="0.3"/>
  <pageSetup paperSize="9"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C000"/>
  </sheetPr>
  <dimension ref="A1:F34"/>
  <sheetViews>
    <sheetView workbookViewId="0">
      <selection activeCell="H20" sqref="H20"/>
    </sheetView>
  </sheetViews>
  <sheetFormatPr defaultRowHeight="13"/>
  <cols>
    <col min="1" max="1" width="9.7265625" style="25" customWidth="1"/>
    <col min="2" max="2" width="6.6328125" style="25" customWidth="1"/>
    <col min="3" max="3" width="8.90625" style="25" customWidth="1"/>
    <col min="4" max="4" width="28.6328125" style="25" customWidth="1"/>
    <col min="5" max="5" width="10.90625" style="25" customWidth="1"/>
    <col min="6" max="6" width="25.08984375" style="25" customWidth="1"/>
    <col min="7" max="256" width="9" style="25"/>
    <col min="257" max="257" width="9.7265625" style="25" customWidth="1"/>
    <col min="258" max="258" width="6.6328125" style="25" customWidth="1"/>
    <col min="259" max="259" width="8.90625" style="25" customWidth="1"/>
    <col min="260" max="260" width="28.6328125" style="25" customWidth="1"/>
    <col min="261" max="261" width="10.90625" style="25" customWidth="1"/>
    <col min="262" max="262" width="25.08984375" style="25" customWidth="1"/>
    <col min="263" max="512" width="9" style="25"/>
    <col min="513" max="513" width="9.7265625" style="25" customWidth="1"/>
    <col min="514" max="514" width="6.6328125" style="25" customWidth="1"/>
    <col min="515" max="515" width="8.90625" style="25" customWidth="1"/>
    <col min="516" max="516" width="28.6328125" style="25" customWidth="1"/>
    <col min="517" max="517" width="10.90625" style="25" customWidth="1"/>
    <col min="518" max="518" width="25.08984375" style="25" customWidth="1"/>
    <col min="519" max="768" width="9" style="25"/>
    <col min="769" max="769" width="9.7265625" style="25" customWidth="1"/>
    <col min="770" max="770" width="6.6328125" style="25" customWidth="1"/>
    <col min="771" max="771" width="8.90625" style="25" customWidth="1"/>
    <col min="772" max="772" width="28.6328125" style="25" customWidth="1"/>
    <col min="773" max="773" width="10.90625" style="25" customWidth="1"/>
    <col min="774" max="774" width="25.08984375" style="25" customWidth="1"/>
    <col min="775" max="1024" width="9" style="25"/>
    <col min="1025" max="1025" width="9.7265625" style="25" customWidth="1"/>
    <col min="1026" max="1026" width="6.6328125" style="25" customWidth="1"/>
    <col min="1027" max="1027" width="8.90625" style="25" customWidth="1"/>
    <col min="1028" max="1028" width="28.6328125" style="25" customWidth="1"/>
    <col min="1029" max="1029" width="10.90625" style="25" customWidth="1"/>
    <col min="1030" max="1030" width="25.08984375" style="25" customWidth="1"/>
    <col min="1031" max="1280" width="9" style="25"/>
    <col min="1281" max="1281" width="9.7265625" style="25" customWidth="1"/>
    <col min="1282" max="1282" width="6.6328125" style="25" customWidth="1"/>
    <col min="1283" max="1283" width="8.90625" style="25" customWidth="1"/>
    <col min="1284" max="1284" width="28.6328125" style="25" customWidth="1"/>
    <col min="1285" max="1285" width="10.90625" style="25" customWidth="1"/>
    <col min="1286" max="1286" width="25.08984375" style="25" customWidth="1"/>
    <col min="1287" max="1536" width="9" style="25"/>
    <col min="1537" max="1537" width="9.7265625" style="25" customWidth="1"/>
    <col min="1538" max="1538" width="6.6328125" style="25" customWidth="1"/>
    <col min="1539" max="1539" width="8.90625" style="25" customWidth="1"/>
    <col min="1540" max="1540" width="28.6328125" style="25" customWidth="1"/>
    <col min="1541" max="1541" width="10.90625" style="25" customWidth="1"/>
    <col min="1542" max="1542" width="25.08984375" style="25" customWidth="1"/>
    <col min="1543" max="1792" width="9" style="25"/>
    <col min="1793" max="1793" width="9.7265625" style="25" customWidth="1"/>
    <col min="1794" max="1794" width="6.6328125" style="25" customWidth="1"/>
    <col min="1795" max="1795" width="8.90625" style="25" customWidth="1"/>
    <col min="1796" max="1796" width="28.6328125" style="25" customWidth="1"/>
    <col min="1797" max="1797" width="10.90625" style="25" customWidth="1"/>
    <col min="1798" max="1798" width="25.08984375" style="25" customWidth="1"/>
    <col min="1799" max="2048" width="9" style="25"/>
    <col min="2049" max="2049" width="9.7265625" style="25" customWidth="1"/>
    <col min="2050" max="2050" width="6.6328125" style="25" customWidth="1"/>
    <col min="2051" max="2051" width="8.90625" style="25" customWidth="1"/>
    <col min="2052" max="2052" width="28.6328125" style="25" customWidth="1"/>
    <col min="2053" max="2053" width="10.90625" style="25" customWidth="1"/>
    <col min="2054" max="2054" width="25.08984375" style="25" customWidth="1"/>
    <col min="2055" max="2304" width="9" style="25"/>
    <col min="2305" max="2305" width="9.7265625" style="25" customWidth="1"/>
    <col min="2306" max="2306" width="6.6328125" style="25" customWidth="1"/>
    <col min="2307" max="2307" width="8.90625" style="25" customWidth="1"/>
    <col min="2308" max="2308" width="28.6328125" style="25" customWidth="1"/>
    <col min="2309" max="2309" width="10.90625" style="25" customWidth="1"/>
    <col min="2310" max="2310" width="25.08984375" style="25" customWidth="1"/>
    <col min="2311" max="2560" width="9" style="25"/>
    <col min="2561" max="2561" width="9.7265625" style="25" customWidth="1"/>
    <col min="2562" max="2562" width="6.6328125" style="25" customWidth="1"/>
    <col min="2563" max="2563" width="8.90625" style="25" customWidth="1"/>
    <col min="2564" max="2564" width="28.6328125" style="25" customWidth="1"/>
    <col min="2565" max="2565" width="10.90625" style="25" customWidth="1"/>
    <col min="2566" max="2566" width="25.08984375" style="25" customWidth="1"/>
    <col min="2567" max="2816" width="9" style="25"/>
    <col min="2817" max="2817" width="9.7265625" style="25" customWidth="1"/>
    <col min="2818" max="2818" width="6.6328125" style="25" customWidth="1"/>
    <col min="2819" max="2819" width="8.90625" style="25" customWidth="1"/>
    <col min="2820" max="2820" width="28.6328125" style="25" customWidth="1"/>
    <col min="2821" max="2821" width="10.90625" style="25" customWidth="1"/>
    <col min="2822" max="2822" width="25.08984375" style="25" customWidth="1"/>
    <col min="2823" max="3072" width="9" style="25"/>
    <col min="3073" max="3073" width="9.7265625" style="25" customWidth="1"/>
    <col min="3074" max="3074" width="6.6328125" style="25" customWidth="1"/>
    <col min="3075" max="3075" width="8.90625" style="25" customWidth="1"/>
    <col min="3076" max="3076" width="28.6328125" style="25" customWidth="1"/>
    <col min="3077" max="3077" width="10.90625" style="25" customWidth="1"/>
    <col min="3078" max="3078" width="25.08984375" style="25" customWidth="1"/>
    <col min="3079" max="3328" width="9" style="25"/>
    <col min="3329" max="3329" width="9.7265625" style="25" customWidth="1"/>
    <col min="3330" max="3330" width="6.6328125" style="25" customWidth="1"/>
    <col min="3331" max="3331" width="8.90625" style="25" customWidth="1"/>
    <col min="3332" max="3332" width="28.6328125" style="25" customWidth="1"/>
    <col min="3333" max="3333" width="10.90625" style="25" customWidth="1"/>
    <col min="3334" max="3334" width="25.08984375" style="25" customWidth="1"/>
    <col min="3335" max="3584" width="9" style="25"/>
    <col min="3585" max="3585" width="9.7265625" style="25" customWidth="1"/>
    <col min="3586" max="3586" width="6.6328125" style="25" customWidth="1"/>
    <col min="3587" max="3587" width="8.90625" style="25" customWidth="1"/>
    <col min="3588" max="3588" width="28.6328125" style="25" customWidth="1"/>
    <col min="3589" max="3589" width="10.90625" style="25" customWidth="1"/>
    <col min="3590" max="3590" width="25.08984375" style="25" customWidth="1"/>
    <col min="3591" max="3840" width="9" style="25"/>
    <col min="3841" max="3841" width="9.7265625" style="25" customWidth="1"/>
    <col min="3842" max="3842" width="6.6328125" style="25" customWidth="1"/>
    <col min="3843" max="3843" width="8.90625" style="25" customWidth="1"/>
    <col min="3844" max="3844" width="28.6328125" style="25" customWidth="1"/>
    <col min="3845" max="3845" width="10.90625" style="25" customWidth="1"/>
    <col min="3846" max="3846" width="25.08984375" style="25" customWidth="1"/>
    <col min="3847" max="4096" width="9" style="25"/>
    <col min="4097" max="4097" width="9.7265625" style="25" customWidth="1"/>
    <col min="4098" max="4098" width="6.6328125" style="25" customWidth="1"/>
    <col min="4099" max="4099" width="8.90625" style="25" customWidth="1"/>
    <col min="4100" max="4100" width="28.6328125" style="25" customWidth="1"/>
    <col min="4101" max="4101" width="10.90625" style="25" customWidth="1"/>
    <col min="4102" max="4102" width="25.08984375" style="25" customWidth="1"/>
    <col min="4103" max="4352" width="9" style="25"/>
    <col min="4353" max="4353" width="9.7265625" style="25" customWidth="1"/>
    <col min="4354" max="4354" width="6.6328125" style="25" customWidth="1"/>
    <col min="4355" max="4355" width="8.90625" style="25" customWidth="1"/>
    <col min="4356" max="4356" width="28.6328125" style="25" customWidth="1"/>
    <col min="4357" max="4357" width="10.90625" style="25" customWidth="1"/>
    <col min="4358" max="4358" width="25.08984375" style="25" customWidth="1"/>
    <col min="4359" max="4608" width="9" style="25"/>
    <col min="4609" max="4609" width="9.7265625" style="25" customWidth="1"/>
    <col min="4610" max="4610" width="6.6328125" style="25" customWidth="1"/>
    <col min="4611" max="4611" width="8.90625" style="25" customWidth="1"/>
    <col min="4612" max="4612" width="28.6328125" style="25" customWidth="1"/>
    <col min="4613" max="4613" width="10.90625" style="25" customWidth="1"/>
    <col min="4614" max="4614" width="25.08984375" style="25" customWidth="1"/>
    <col min="4615" max="4864" width="9" style="25"/>
    <col min="4865" max="4865" width="9.7265625" style="25" customWidth="1"/>
    <col min="4866" max="4866" width="6.6328125" style="25" customWidth="1"/>
    <col min="4867" max="4867" width="8.90625" style="25" customWidth="1"/>
    <col min="4868" max="4868" width="28.6328125" style="25" customWidth="1"/>
    <col min="4869" max="4869" width="10.90625" style="25" customWidth="1"/>
    <col min="4870" max="4870" width="25.08984375" style="25" customWidth="1"/>
    <col min="4871" max="5120" width="9" style="25"/>
    <col min="5121" max="5121" width="9.7265625" style="25" customWidth="1"/>
    <col min="5122" max="5122" width="6.6328125" style="25" customWidth="1"/>
    <col min="5123" max="5123" width="8.90625" style="25" customWidth="1"/>
    <col min="5124" max="5124" width="28.6328125" style="25" customWidth="1"/>
    <col min="5125" max="5125" width="10.90625" style="25" customWidth="1"/>
    <col min="5126" max="5126" width="25.08984375" style="25" customWidth="1"/>
    <col min="5127" max="5376" width="9" style="25"/>
    <col min="5377" max="5377" width="9.7265625" style="25" customWidth="1"/>
    <col min="5378" max="5378" width="6.6328125" style="25" customWidth="1"/>
    <col min="5379" max="5379" width="8.90625" style="25" customWidth="1"/>
    <col min="5380" max="5380" width="28.6328125" style="25" customWidth="1"/>
    <col min="5381" max="5381" width="10.90625" style="25" customWidth="1"/>
    <col min="5382" max="5382" width="25.08984375" style="25" customWidth="1"/>
    <col min="5383" max="5632" width="9" style="25"/>
    <col min="5633" max="5633" width="9.7265625" style="25" customWidth="1"/>
    <col min="5634" max="5634" width="6.6328125" style="25" customWidth="1"/>
    <col min="5635" max="5635" width="8.90625" style="25" customWidth="1"/>
    <col min="5636" max="5636" width="28.6328125" style="25" customWidth="1"/>
    <col min="5637" max="5637" width="10.90625" style="25" customWidth="1"/>
    <col min="5638" max="5638" width="25.08984375" style="25" customWidth="1"/>
    <col min="5639" max="5888" width="9" style="25"/>
    <col min="5889" max="5889" width="9.7265625" style="25" customWidth="1"/>
    <col min="5890" max="5890" width="6.6328125" style="25" customWidth="1"/>
    <col min="5891" max="5891" width="8.90625" style="25" customWidth="1"/>
    <col min="5892" max="5892" width="28.6328125" style="25" customWidth="1"/>
    <col min="5893" max="5893" width="10.90625" style="25" customWidth="1"/>
    <col min="5894" max="5894" width="25.08984375" style="25" customWidth="1"/>
    <col min="5895" max="6144" width="9" style="25"/>
    <col min="6145" max="6145" width="9.7265625" style="25" customWidth="1"/>
    <col min="6146" max="6146" width="6.6328125" style="25" customWidth="1"/>
    <col min="6147" max="6147" width="8.90625" style="25" customWidth="1"/>
    <col min="6148" max="6148" width="28.6328125" style="25" customWidth="1"/>
    <col min="6149" max="6149" width="10.90625" style="25" customWidth="1"/>
    <col min="6150" max="6150" width="25.08984375" style="25" customWidth="1"/>
    <col min="6151" max="6400" width="9" style="25"/>
    <col min="6401" max="6401" width="9.7265625" style="25" customWidth="1"/>
    <col min="6402" max="6402" width="6.6328125" style="25" customWidth="1"/>
    <col min="6403" max="6403" width="8.90625" style="25" customWidth="1"/>
    <col min="6404" max="6404" width="28.6328125" style="25" customWidth="1"/>
    <col min="6405" max="6405" width="10.90625" style="25" customWidth="1"/>
    <col min="6406" max="6406" width="25.08984375" style="25" customWidth="1"/>
    <col min="6407" max="6656" width="9" style="25"/>
    <col min="6657" max="6657" width="9.7265625" style="25" customWidth="1"/>
    <col min="6658" max="6658" width="6.6328125" style="25" customWidth="1"/>
    <col min="6659" max="6659" width="8.90625" style="25" customWidth="1"/>
    <col min="6660" max="6660" width="28.6328125" style="25" customWidth="1"/>
    <col min="6661" max="6661" width="10.90625" style="25" customWidth="1"/>
    <col min="6662" max="6662" width="25.08984375" style="25" customWidth="1"/>
    <col min="6663" max="6912" width="9" style="25"/>
    <col min="6913" max="6913" width="9.7265625" style="25" customWidth="1"/>
    <col min="6914" max="6914" width="6.6328125" style="25" customWidth="1"/>
    <col min="6915" max="6915" width="8.90625" style="25" customWidth="1"/>
    <col min="6916" max="6916" width="28.6328125" style="25" customWidth="1"/>
    <col min="6917" max="6917" width="10.90625" style="25" customWidth="1"/>
    <col min="6918" max="6918" width="25.08984375" style="25" customWidth="1"/>
    <col min="6919" max="7168" width="9" style="25"/>
    <col min="7169" max="7169" width="9.7265625" style="25" customWidth="1"/>
    <col min="7170" max="7170" width="6.6328125" style="25" customWidth="1"/>
    <col min="7171" max="7171" width="8.90625" style="25" customWidth="1"/>
    <col min="7172" max="7172" width="28.6328125" style="25" customWidth="1"/>
    <col min="7173" max="7173" width="10.90625" style="25" customWidth="1"/>
    <col min="7174" max="7174" width="25.08984375" style="25" customWidth="1"/>
    <col min="7175" max="7424" width="9" style="25"/>
    <col min="7425" max="7425" width="9.7265625" style="25" customWidth="1"/>
    <col min="7426" max="7426" width="6.6328125" style="25" customWidth="1"/>
    <col min="7427" max="7427" width="8.90625" style="25" customWidth="1"/>
    <col min="7428" max="7428" width="28.6328125" style="25" customWidth="1"/>
    <col min="7429" max="7429" width="10.90625" style="25" customWidth="1"/>
    <col min="7430" max="7430" width="25.08984375" style="25" customWidth="1"/>
    <col min="7431" max="7680" width="9" style="25"/>
    <col min="7681" max="7681" width="9.7265625" style="25" customWidth="1"/>
    <col min="7682" max="7682" width="6.6328125" style="25" customWidth="1"/>
    <col min="7683" max="7683" width="8.90625" style="25" customWidth="1"/>
    <col min="7684" max="7684" width="28.6328125" style="25" customWidth="1"/>
    <col min="7685" max="7685" width="10.90625" style="25" customWidth="1"/>
    <col min="7686" max="7686" width="25.08984375" style="25" customWidth="1"/>
    <col min="7687" max="7936" width="9" style="25"/>
    <col min="7937" max="7937" width="9.7265625" style="25" customWidth="1"/>
    <col min="7938" max="7938" width="6.6328125" style="25" customWidth="1"/>
    <col min="7939" max="7939" width="8.90625" style="25" customWidth="1"/>
    <col min="7940" max="7940" width="28.6328125" style="25" customWidth="1"/>
    <col min="7941" max="7941" width="10.90625" style="25" customWidth="1"/>
    <col min="7942" max="7942" width="25.08984375" style="25" customWidth="1"/>
    <col min="7943" max="8192" width="9" style="25"/>
    <col min="8193" max="8193" width="9.7265625" style="25" customWidth="1"/>
    <col min="8194" max="8194" width="6.6328125" style="25" customWidth="1"/>
    <col min="8195" max="8195" width="8.90625" style="25" customWidth="1"/>
    <col min="8196" max="8196" width="28.6328125" style="25" customWidth="1"/>
    <col min="8197" max="8197" width="10.90625" style="25" customWidth="1"/>
    <col min="8198" max="8198" width="25.08984375" style="25" customWidth="1"/>
    <col min="8199" max="8448" width="9" style="25"/>
    <col min="8449" max="8449" width="9.7265625" style="25" customWidth="1"/>
    <col min="8450" max="8450" width="6.6328125" style="25" customWidth="1"/>
    <col min="8451" max="8451" width="8.90625" style="25" customWidth="1"/>
    <col min="8452" max="8452" width="28.6328125" style="25" customWidth="1"/>
    <col min="8453" max="8453" width="10.90625" style="25" customWidth="1"/>
    <col min="8454" max="8454" width="25.08984375" style="25" customWidth="1"/>
    <col min="8455" max="8704" width="9" style="25"/>
    <col min="8705" max="8705" width="9.7265625" style="25" customWidth="1"/>
    <col min="8706" max="8706" width="6.6328125" style="25" customWidth="1"/>
    <col min="8707" max="8707" width="8.90625" style="25" customWidth="1"/>
    <col min="8708" max="8708" width="28.6328125" style="25" customWidth="1"/>
    <col min="8709" max="8709" width="10.90625" style="25" customWidth="1"/>
    <col min="8710" max="8710" width="25.08984375" style="25" customWidth="1"/>
    <col min="8711" max="8960" width="9" style="25"/>
    <col min="8961" max="8961" width="9.7265625" style="25" customWidth="1"/>
    <col min="8962" max="8962" width="6.6328125" style="25" customWidth="1"/>
    <col min="8963" max="8963" width="8.90625" style="25" customWidth="1"/>
    <col min="8964" max="8964" width="28.6328125" style="25" customWidth="1"/>
    <col min="8965" max="8965" width="10.90625" style="25" customWidth="1"/>
    <col min="8966" max="8966" width="25.08984375" style="25" customWidth="1"/>
    <col min="8967" max="9216" width="9" style="25"/>
    <col min="9217" max="9217" width="9.7265625" style="25" customWidth="1"/>
    <col min="9218" max="9218" width="6.6328125" style="25" customWidth="1"/>
    <col min="9219" max="9219" width="8.90625" style="25" customWidth="1"/>
    <col min="9220" max="9220" width="28.6328125" style="25" customWidth="1"/>
    <col min="9221" max="9221" width="10.90625" style="25" customWidth="1"/>
    <col min="9222" max="9222" width="25.08984375" style="25" customWidth="1"/>
    <col min="9223" max="9472" width="9" style="25"/>
    <col min="9473" max="9473" width="9.7265625" style="25" customWidth="1"/>
    <col min="9474" max="9474" width="6.6328125" style="25" customWidth="1"/>
    <col min="9475" max="9475" width="8.90625" style="25" customWidth="1"/>
    <col min="9476" max="9476" width="28.6328125" style="25" customWidth="1"/>
    <col min="9477" max="9477" width="10.90625" style="25" customWidth="1"/>
    <col min="9478" max="9478" width="25.08984375" style="25" customWidth="1"/>
    <col min="9479" max="9728" width="9" style="25"/>
    <col min="9729" max="9729" width="9.7265625" style="25" customWidth="1"/>
    <col min="9730" max="9730" width="6.6328125" style="25" customWidth="1"/>
    <col min="9731" max="9731" width="8.90625" style="25" customWidth="1"/>
    <col min="9732" max="9732" width="28.6328125" style="25" customWidth="1"/>
    <col min="9733" max="9733" width="10.90625" style="25" customWidth="1"/>
    <col min="9734" max="9734" width="25.08984375" style="25" customWidth="1"/>
    <col min="9735" max="9984" width="9" style="25"/>
    <col min="9985" max="9985" width="9.7265625" style="25" customWidth="1"/>
    <col min="9986" max="9986" width="6.6328125" style="25" customWidth="1"/>
    <col min="9987" max="9987" width="8.90625" style="25" customWidth="1"/>
    <col min="9988" max="9988" width="28.6328125" style="25" customWidth="1"/>
    <col min="9989" max="9989" width="10.90625" style="25" customWidth="1"/>
    <col min="9990" max="9990" width="25.08984375" style="25" customWidth="1"/>
    <col min="9991" max="10240" width="9" style="25"/>
    <col min="10241" max="10241" width="9.7265625" style="25" customWidth="1"/>
    <col min="10242" max="10242" width="6.6328125" style="25" customWidth="1"/>
    <col min="10243" max="10243" width="8.90625" style="25" customWidth="1"/>
    <col min="10244" max="10244" width="28.6328125" style="25" customWidth="1"/>
    <col min="10245" max="10245" width="10.90625" style="25" customWidth="1"/>
    <col min="10246" max="10246" width="25.08984375" style="25" customWidth="1"/>
    <col min="10247" max="10496" width="9" style="25"/>
    <col min="10497" max="10497" width="9.7265625" style="25" customWidth="1"/>
    <col min="10498" max="10498" width="6.6328125" style="25" customWidth="1"/>
    <col min="10499" max="10499" width="8.90625" style="25" customWidth="1"/>
    <col min="10500" max="10500" width="28.6328125" style="25" customWidth="1"/>
    <col min="10501" max="10501" width="10.90625" style="25" customWidth="1"/>
    <col min="10502" max="10502" width="25.08984375" style="25" customWidth="1"/>
    <col min="10503" max="10752" width="9" style="25"/>
    <col min="10753" max="10753" width="9.7265625" style="25" customWidth="1"/>
    <col min="10754" max="10754" width="6.6328125" style="25" customWidth="1"/>
    <col min="10755" max="10755" width="8.90625" style="25" customWidth="1"/>
    <col min="10756" max="10756" width="28.6328125" style="25" customWidth="1"/>
    <col min="10757" max="10757" width="10.90625" style="25" customWidth="1"/>
    <col min="10758" max="10758" width="25.08984375" style="25" customWidth="1"/>
    <col min="10759" max="11008" width="9" style="25"/>
    <col min="11009" max="11009" width="9.7265625" style="25" customWidth="1"/>
    <col min="11010" max="11010" width="6.6328125" style="25" customWidth="1"/>
    <col min="11011" max="11011" width="8.90625" style="25" customWidth="1"/>
    <col min="11012" max="11012" width="28.6328125" style="25" customWidth="1"/>
    <col min="11013" max="11013" width="10.90625" style="25" customWidth="1"/>
    <col min="11014" max="11014" width="25.08984375" style="25" customWidth="1"/>
    <col min="11015" max="11264" width="9" style="25"/>
    <col min="11265" max="11265" width="9.7265625" style="25" customWidth="1"/>
    <col min="11266" max="11266" width="6.6328125" style="25" customWidth="1"/>
    <col min="11267" max="11267" width="8.90625" style="25" customWidth="1"/>
    <col min="11268" max="11268" width="28.6328125" style="25" customWidth="1"/>
    <col min="11269" max="11269" width="10.90625" style="25" customWidth="1"/>
    <col min="11270" max="11270" width="25.08984375" style="25" customWidth="1"/>
    <col min="11271" max="11520" width="9" style="25"/>
    <col min="11521" max="11521" width="9.7265625" style="25" customWidth="1"/>
    <col min="11522" max="11522" width="6.6328125" style="25" customWidth="1"/>
    <col min="11523" max="11523" width="8.90625" style="25" customWidth="1"/>
    <col min="11524" max="11524" width="28.6328125" style="25" customWidth="1"/>
    <col min="11525" max="11525" width="10.90625" style="25" customWidth="1"/>
    <col min="11526" max="11526" width="25.08984375" style="25" customWidth="1"/>
    <col min="11527" max="11776" width="9" style="25"/>
    <col min="11777" max="11777" width="9.7265625" style="25" customWidth="1"/>
    <col min="11778" max="11778" width="6.6328125" style="25" customWidth="1"/>
    <col min="11779" max="11779" width="8.90625" style="25" customWidth="1"/>
    <col min="11780" max="11780" width="28.6328125" style="25" customWidth="1"/>
    <col min="11781" max="11781" width="10.90625" style="25" customWidth="1"/>
    <col min="11782" max="11782" width="25.08984375" style="25" customWidth="1"/>
    <col min="11783" max="12032" width="9" style="25"/>
    <col min="12033" max="12033" width="9.7265625" style="25" customWidth="1"/>
    <col min="12034" max="12034" width="6.6328125" style="25" customWidth="1"/>
    <col min="12035" max="12035" width="8.90625" style="25" customWidth="1"/>
    <col min="12036" max="12036" width="28.6328125" style="25" customWidth="1"/>
    <col min="12037" max="12037" width="10.90625" style="25" customWidth="1"/>
    <col min="12038" max="12038" width="25.08984375" style="25" customWidth="1"/>
    <col min="12039" max="12288" width="9" style="25"/>
    <col min="12289" max="12289" width="9.7265625" style="25" customWidth="1"/>
    <col min="12290" max="12290" width="6.6328125" style="25" customWidth="1"/>
    <col min="12291" max="12291" width="8.90625" style="25" customWidth="1"/>
    <col min="12292" max="12292" width="28.6328125" style="25" customWidth="1"/>
    <col min="12293" max="12293" width="10.90625" style="25" customWidth="1"/>
    <col min="12294" max="12294" width="25.08984375" style="25" customWidth="1"/>
    <col min="12295" max="12544" width="9" style="25"/>
    <col min="12545" max="12545" width="9.7265625" style="25" customWidth="1"/>
    <col min="12546" max="12546" width="6.6328125" style="25" customWidth="1"/>
    <col min="12547" max="12547" width="8.90625" style="25" customWidth="1"/>
    <col min="12548" max="12548" width="28.6328125" style="25" customWidth="1"/>
    <col min="12549" max="12549" width="10.90625" style="25" customWidth="1"/>
    <col min="12550" max="12550" width="25.08984375" style="25" customWidth="1"/>
    <col min="12551" max="12800" width="9" style="25"/>
    <col min="12801" max="12801" width="9.7265625" style="25" customWidth="1"/>
    <col min="12802" max="12802" width="6.6328125" style="25" customWidth="1"/>
    <col min="12803" max="12803" width="8.90625" style="25" customWidth="1"/>
    <col min="12804" max="12804" width="28.6328125" style="25" customWidth="1"/>
    <col min="12805" max="12805" width="10.90625" style="25" customWidth="1"/>
    <col min="12806" max="12806" width="25.08984375" style="25" customWidth="1"/>
    <col min="12807" max="13056" width="9" style="25"/>
    <col min="13057" max="13057" width="9.7265625" style="25" customWidth="1"/>
    <col min="13058" max="13058" width="6.6328125" style="25" customWidth="1"/>
    <col min="13059" max="13059" width="8.90625" style="25" customWidth="1"/>
    <col min="13060" max="13060" width="28.6328125" style="25" customWidth="1"/>
    <col min="13061" max="13061" width="10.90625" style="25" customWidth="1"/>
    <col min="13062" max="13062" width="25.08984375" style="25" customWidth="1"/>
    <col min="13063" max="13312" width="9" style="25"/>
    <col min="13313" max="13313" width="9.7265625" style="25" customWidth="1"/>
    <col min="13314" max="13314" width="6.6328125" style="25" customWidth="1"/>
    <col min="13315" max="13315" width="8.90625" style="25" customWidth="1"/>
    <col min="13316" max="13316" width="28.6328125" style="25" customWidth="1"/>
    <col min="13317" max="13317" width="10.90625" style="25" customWidth="1"/>
    <col min="13318" max="13318" width="25.08984375" style="25" customWidth="1"/>
    <col min="13319" max="13568" width="9" style="25"/>
    <col min="13569" max="13569" width="9.7265625" style="25" customWidth="1"/>
    <col min="13570" max="13570" width="6.6328125" style="25" customWidth="1"/>
    <col min="13571" max="13571" width="8.90625" style="25" customWidth="1"/>
    <col min="13572" max="13572" width="28.6328125" style="25" customWidth="1"/>
    <col min="13573" max="13573" width="10.90625" style="25" customWidth="1"/>
    <col min="13574" max="13574" width="25.08984375" style="25" customWidth="1"/>
    <col min="13575" max="13824" width="9" style="25"/>
    <col min="13825" max="13825" width="9.7265625" style="25" customWidth="1"/>
    <col min="13826" max="13826" width="6.6328125" style="25" customWidth="1"/>
    <col min="13827" max="13827" width="8.90625" style="25" customWidth="1"/>
    <col min="13828" max="13828" width="28.6328125" style="25" customWidth="1"/>
    <col min="13829" max="13829" width="10.90625" style="25" customWidth="1"/>
    <col min="13830" max="13830" width="25.08984375" style="25" customWidth="1"/>
    <col min="13831" max="14080" width="9" style="25"/>
    <col min="14081" max="14081" width="9.7265625" style="25" customWidth="1"/>
    <col min="14082" max="14082" width="6.6328125" style="25" customWidth="1"/>
    <col min="14083" max="14083" width="8.90625" style="25" customWidth="1"/>
    <col min="14084" max="14084" width="28.6328125" style="25" customWidth="1"/>
    <col min="14085" max="14085" width="10.90625" style="25" customWidth="1"/>
    <col min="14086" max="14086" width="25.08984375" style="25" customWidth="1"/>
    <col min="14087" max="14336" width="9" style="25"/>
    <col min="14337" max="14337" width="9.7265625" style="25" customWidth="1"/>
    <col min="14338" max="14338" width="6.6328125" style="25" customWidth="1"/>
    <col min="14339" max="14339" width="8.90625" style="25" customWidth="1"/>
    <col min="14340" max="14340" width="28.6328125" style="25" customWidth="1"/>
    <col min="14341" max="14341" width="10.90625" style="25" customWidth="1"/>
    <col min="14342" max="14342" width="25.08984375" style="25" customWidth="1"/>
    <col min="14343" max="14592" width="9" style="25"/>
    <col min="14593" max="14593" width="9.7265625" style="25" customWidth="1"/>
    <col min="14594" max="14594" width="6.6328125" style="25" customWidth="1"/>
    <col min="14595" max="14595" width="8.90625" style="25" customWidth="1"/>
    <col min="14596" max="14596" width="28.6328125" style="25" customWidth="1"/>
    <col min="14597" max="14597" width="10.90625" style="25" customWidth="1"/>
    <col min="14598" max="14598" width="25.08984375" style="25" customWidth="1"/>
    <col min="14599" max="14848" width="9" style="25"/>
    <col min="14849" max="14849" width="9.7265625" style="25" customWidth="1"/>
    <col min="14850" max="14850" width="6.6328125" style="25" customWidth="1"/>
    <col min="14851" max="14851" width="8.90625" style="25" customWidth="1"/>
    <col min="14852" max="14852" width="28.6328125" style="25" customWidth="1"/>
    <col min="14853" max="14853" width="10.90625" style="25" customWidth="1"/>
    <col min="14854" max="14854" width="25.08984375" style="25" customWidth="1"/>
    <col min="14855" max="15104" width="9" style="25"/>
    <col min="15105" max="15105" width="9.7265625" style="25" customWidth="1"/>
    <col min="15106" max="15106" width="6.6328125" style="25" customWidth="1"/>
    <col min="15107" max="15107" width="8.90625" style="25" customWidth="1"/>
    <col min="15108" max="15108" width="28.6328125" style="25" customWidth="1"/>
    <col min="15109" max="15109" width="10.90625" style="25" customWidth="1"/>
    <col min="15110" max="15110" width="25.08984375" style="25" customWidth="1"/>
    <col min="15111" max="15360" width="9" style="25"/>
    <col min="15361" max="15361" width="9.7265625" style="25" customWidth="1"/>
    <col min="15362" max="15362" width="6.6328125" style="25" customWidth="1"/>
    <col min="15363" max="15363" width="8.90625" style="25" customWidth="1"/>
    <col min="15364" max="15364" width="28.6328125" style="25" customWidth="1"/>
    <col min="15365" max="15365" width="10.90625" style="25" customWidth="1"/>
    <col min="15366" max="15366" width="25.08984375" style="25" customWidth="1"/>
    <col min="15367" max="15616" width="9" style="25"/>
    <col min="15617" max="15617" width="9.7265625" style="25" customWidth="1"/>
    <col min="15618" max="15618" width="6.6328125" style="25" customWidth="1"/>
    <col min="15619" max="15619" width="8.90625" style="25" customWidth="1"/>
    <col min="15620" max="15620" width="28.6328125" style="25" customWidth="1"/>
    <col min="15621" max="15621" width="10.90625" style="25" customWidth="1"/>
    <col min="15622" max="15622" width="25.08984375" style="25" customWidth="1"/>
    <col min="15623" max="15872" width="9" style="25"/>
    <col min="15873" max="15873" width="9.7265625" style="25" customWidth="1"/>
    <col min="15874" max="15874" width="6.6328125" style="25" customWidth="1"/>
    <col min="15875" max="15875" width="8.90625" style="25" customWidth="1"/>
    <col min="15876" max="15876" width="28.6328125" style="25" customWidth="1"/>
    <col min="15877" max="15877" width="10.90625" style="25" customWidth="1"/>
    <col min="15878" max="15878" width="25.08984375" style="25" customWidth="1"/>
    <col min="15879" max="16128" width="9" style="25"/>
    <col min="16129" max="16129" width="9.7265625" style="25" customWidth="1"/>
    <col min="16130" max="16130" width="6.6328125" style="25" customWidth="1"/>
    <col min="16131" max="16131" width="8.90625" style="25" customWidth="1"/>
    <col min="16132" max="16132" width="28.6328125" style="25" customWidth="1"/>
    <col min="16133" max="16133" width="10.90625" style="25" customWidth="1"/>
    <col min="16134" max="16134" width="25.08984375" style="25" customWidth="1"/>
    <col min="16135" max="16384" width="9" style="25"/>
  </cols>
  <sheetData>
    <row r="1" spans="1:6">
      <c r="A1" s="25" t="s">
        <v>113</v>
      </c>
    </row>
    <row r="2" spans="1:6" ht="24" customHeight="1">
      <c r="A2" s="301" t="s">
        <v>115</v>
      </c>
      <c r="B2" s="301"/>
      <c r="C2" s="301"/>
      <c r="D2" s="301"/>
      <c r="E2" s="301"/>
      <c r="F2" s="301"/>
    </row>
    <row r="3" spans="1:6" ht="13.5" thickBot="1"/>
    <row r="4" spans="1:6" ht="30.75" customHeight="1">
      <c r="A4" s="408" t="s">
        <v>69</v>
      </c>
      <c r="B4" s="409"/>
      <c r="C4" s="410"/>
      <c r="D4" s="411"/>
      <c r="E4" s="411"/>
      <c r="F4" s="412"/>
    </row>
    <row r="5" spans="1:6">
      <c r="A5" s="413" t="s">
        <v>68</v>
      </c>
      <c r="B5" s="414"/>
      <c r="C5" s="415"/>
      <c r="D5" s="416"/>
      <c r="E5" s="417" t="s">
        <v>61</v>
      </c>
      <c r="F5" s="418" t="s">
        <v>116</v>
      </c>
    </row>
    <row r="6" spans="1:6" ht="29.25" customHeight="1">
      <c r="A6" s="420" t="s">
        <v>78</v>
      </c>
      <c r="B6" s="421"/>
      <c r="C6" s="422"/>
      <c r="D6" s="423"/>
      <c r="E6" s="417"/>
      <c r="F6" s="419"/>
    </row>
    <row r="7" spans="1:6" ht="20.25" customHeight="1">
      <c r="A7" s="424" t="s">
        <v>77</v>
      </c>
      <c r="B7" s="417"/>
      <c r="C7" s="427"/>
      <c r="D7" s="428"/>
      <c r="E7" s="414" t="s">
        <v>5</v>
      </c>
      <c r="F7" s="444"/>
    </row>
    <row r="8" spans="1:6" ht="20.25" customHeight="1" thickBot="1">
      <c r="A8" s="425"/>
      <c r="B8" s="426"/>
      <c r="C8" s="429"/>
      <c r="D8" s="430"/>
      <c r="E8" s="431"/>
      <c r="F8" s="445"/>
    </row>
    <row r="9" spans="1:6" ht="13.5" thickBot="1">
      <c r="C9" s="47"/>
    </row>
    <row r="10" spans="1:6" ht="18" customHeight="1">
      <c r="A10" s="48" t="s">
        <v>117</v>
      </c>
      <c r="B10" s="49" t="s">
        <v>118</v>
      </c>
      <c r="C10" s="50" t="s">
        <v>117</v>
      </c>
      <c r="D10" s="434" t="s">
        <v>119</v>
      </c>
      <c r="E10" s="434"/>
      <c r="F10" s="435"/>
    </row>
    <row r="11" spans="1:6" ht="27" customHeight="1">
      <c r="A11" s="51"/>
      <c r="B11" s="5" t="s">
        <v>118</v>
      </c>
      <c r="C11" s="52"/>
      <c r="D11" s="373"/>
      <c r="E11" s="373"/>
      <c r="F11" s="374"/>
    </row>
    <row r="12" spans="1:6" ht="27" customHeight="1">
      <c r="A12" s="53"/>
      <c r="B12" s="5" t="s">
        <v>118</v>
      </c>
      <c r="C12" s="54"/>
      <c r="D12" s="371"/>
      <c r="E12" s="371"/>
      <c r="F12" s="399"/>
    </row>
    <row r="13" spans="1:6" ht="18" customHeight="1">
      <c r="A13" s="400" t="s">
        <v>117</v>
      </c>
      <c r="B13" s="402" t="s">
        <v>118</v>
      </c>
      <c r="C13" s="402" t="s">
        <v>117</v>
      </c>
      <c r="D13" s="404" t="s">
        <v>120</v>
      </c>
      <c r="E13" s="404"/>
      <c r="F13" s="405"/>
    </row>
    <row r="14" spans="1:6" ht="18" customHeight="1">
      <c r="A14" s="401"/>
      <c r="B14" s="403"/>
      <c r="C14" s="403"/>
      <c r="D14" s="406" t="s">
        <v>108</v>
      </c>
      <c r="E14" s="407"/>
      <c r="F14" s="55" t="s">
        <v>109</v>
      </c>
    </row>
    <row r="15" spans="1:6" ht="27" customHeight="1">
      <c r="A15" s="51"/>
      <c r="B15" s="5" t="s">
        <v>118</v>
      </c>
      <c r="C15" s="52"/>
      <c r="D15" s="367"/>
      <c r="E15" s="396"/>
      <c r="F15" s="56"/>
    </row>
    <row r="16" spans="1:6" ht="27" customHeight="1">
      <c r="A16" s="53"/>
      <c r="B16" s="5" t="s">
        <v>118</v>
      </c>
      <c r="C16" s="54"/>
      <c r="D16" s="367"/>
      <c r="E16" s="396"/>
      <c r="F16" s="56"/>
    </row>
    <row r="17" spans="1:6" ht="27" customHeight="1">
      <c r="A17" s="53"/>
      <c r="B17" s="5"/>
      <c r="C17" s="54"/>
      <c r="D17" s="367"/>
      <c r="E17" s="396"/>
      <c r="F17" s="56"/>
    </row>
    <row r="18" spans="1:6" ht="27" customHeight="1">
      <c r="A18" s="53"/>
      <c r="B18" s="5" t="s">
        <v>118</v>
      </c>
      <c r="C18" s="54"/>
      <c r="D18" s="367"/>
      <c r="E18" s="396"/>
      <c r="F18" s="56"/>
    </row>
    <row r="19" spans="1:6" ht="27" customHeight="1">
      <c r="A19" s="53"/>
      <c r="B19" s="5" t="s">
        <v>118</v>
      </c>
      <c r="C19" s="54"/>
      <c r="D19" s="367"/>
      <c r="E19" s="396"/>
      <c r="F19" s="56"/>
    </row>
    <row r="20" spans="1:6" ht="27" customHeight="1">
      <c r="A20" s="53"/>
      <c r="B20" s="5" t="s">
        <v>118</v>
      </c>
      <c r="C20" s="54"/>
      <c r="D20" s="367"/>
      <c r="E20" s="396"/>
      <c r="F20" s="56"/>
    </row>
    <row r="21" spans="1:6" ht="27" customHeight="1">
      <c r="A21" s="53"/>
      <c r="B21" s="5" t="s">
        <v>118</v>
      </c>
      <c r="C21" s="54"/>
      <c r="D21" s="367"/>
      <c r="E21" s="396"/>
      <c r="F21" s="57"/>
    </row>
    <row r="22" spans="1:6" ht="18" customHeight="1">
      <c r="A22" s="58" t="s">
        <v>117</v>
      </c>
      <c r="B22" s="59" t="s">
        <v>118</v>
      </c>
      <c r="C22" s="60" t="s">
        <v>117</v>
      </c>
      <c r="D22" s="397" t="s">
        <v>121</v>
      </c>
      <c r="E22" s="397"/>
      <c r="F22" s="398"/>
    </row>
    <row r="23" spans="1:6" ht="27" customHeight="1">
      <c r="A23" s="51"/>
      <c r="B23" s="5" t="s">
        <v>118</v>
      </c>
      <c r="C23" s="52"/>
      <c r="D23" s="373"/>
      <c r="E23" s="373"/>
      <c r="F23" s="374"/>
    </row>
    <row r="24" spans="1:6" ht="27" customHeight="1">
      <c r="A24" s="53"/>
      <c r="B24" s="5" t="s">
        <v>118</v>
      </c>
      <c r="C24" s="54"/>
      <c r="D24" s="373"/>
      <c r="E24" s="373"/>
      <c r="F24" s="374"/>
    </row>
    <row r="25" spans="1:6" ht="27" customHeight="1">
      <c r="A25" s="53"/>
      <c r="B25" s="5" t="s">
        <v>118</v>
      </c>
      <c r="C25" s="54"/>
      <c r="D25" s="373"/>
      <c r="E25" s="373"/>
      <c r="F25" s="374"/>
    </row>
    <row r="26" spans="1:6" ht="14">
      <c r="A26" s="61" t="s">
        <v>117</v>
      </c>
      <c r="B26" s="393" t="s">
        <v>111</v>
      </c>
      <c r="C26" s="394"/>
      <c r="D26" s="394"/>
      <c r="E26" s="394"/>
      <c r="F26" s="395"/>
    </row>
    <row r="27" spans="1:6" ht="27" customHeight="1">
      <c r="A27" s="62"/>
      <c r="B27" s="387"/>
      <c r="C27" s="388"/>
      <c r="D27" s="388"/>
      <c r="E27" s="388"/>
      <c r="F27" s="389"/>
    </row>
    <row r="28" spans="1:6" ht="27" customHeight="1">
      <c r="A28" s="62"/>
      <c r="B28" s="387"/>
      <c r="C28" s="388"/>
      <c r="D28" s="388"/>
      <c r="E28" s="388"/>
      <c r="F28" s="389"/>
    </row>
    <row r="29" spans="1:6" ht="27" customHeight="1">
      <c r="A29" s="62"/>
      <c r="B29" s="387"/>
      <c r="C29" s="388"/>
      <c r="D29" s="388"/>
      <c r="E29" s="388"/>
      <c r="F29" s="389"/>
    </row>
    <row r="30" spans="1:6" ht="14">
      <c r="A30" s="61" t="s">
        <v>117</v>
      </c>
      <c r="B30" s="393" t="s">
        <v>112</v>
      </c>
      <c r="C30" s="394"/>
      <c r="D30" s="394"/>
      <c r="E30" s="394"/>
      <c r="F30" s="395"/>
    </row>
    <row r="31" spans="1:6" ht="27" customHeight="1">
      <c r="A31" s="62"/>
      <c r="B31" s="387"/>
      <c r="C31" s="388"/>
      <c r="D31" s="388"/>
      <c r="E31" s="388"/>
      <c r="F31" s="389"/>
    </row>
    <row r="32" spans="1:6" ht="27" customHeight="1">
      <c r="A32" s="62"/>
      <c r="B32" s="387"/>
      <c r="C32" s="388"/>
      <c r="D32" s="388"/>
      <c r="E32" s="388"/>
      <c r="F32" s="389"/>
    </row>
    <row r="33" spans="1:6" ht="27" customHeight="1">
      <c r="A33" s="62"/>
      <c r="B33" s="387"/>
      <c r="C33" s="388"/>
      <c r="D33" s="388"/>
      <c r="E33" s="388"/>
      <c r="F33" s="389"/>
    </row>
    <row r="34" spans="1:6" ht="42" customHeight="1" thickBot="1">
      <c r="A34" s="63" t="s">
        <v>122</v>
      </c>
      <c r="B34" s="390"/>
      <c r="C34" s="391"/>
      <c r="D34" s="391"/>
      <c r="E34" s="391"/>
      <c r="F34" s="392"/>
    </row>
  </sheetData>
  <mergeCells count="41">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 ref="D12:F12"/>
    <mergeCell ref="A13:A14"/>
    <mergeCell ref="B13:B14"/>
    <mergeCell ref="C13:C14"/>
    <mergeCell ref="D13:F13"/>
    <mergeCell ref="D14:E14"/>
    <mergeCell ref="B26:F26"/>
    <mergeCell ref="D15:E15"/>
    <mergeCell ref="D16:E16"/>
    <mergeCell ref="D17:E17"/>
    <mergeCell ref="D18:E18"/>
    <mergeCell ref="D19:E19"/>
    <mergeCell ref="D20:E20"/>
    <mergeCell ref="D21:E21"/>
    <mergeCell ref="D22:F22"/>
    <mergeCell ref="D23:F23"/>
    <mergeCell ref="D24:F24"/>
    <mergeCell ref="D25:F25"/>
    <mergeCell ref="B33:F33"/>
    <mergeCell ref="B34:F34"/>
    <mergeCell ref="B27:F27"/>
    <mergeCell ref="B28:F28"/>
    <mergeCell ref="B29:F29"/>
    <mergeCell ref="B30:F30"/>
    <mergeCell ref="B31:F31"/>
    <mergeCell ref="B32:F32"/>
  </mergeCells>
  <phoneticPr fontId="4"/>
  <pageMargins left="0.70866141732283472" right="0.59055118110236227" top="0.47244094488188981" bottom="0.47244094488188981" header="0.31496062992125984" footer="0.31496062992125984"/>
  <pageSetup paperSize="9" orientation="portrait" horizontalDpi="300" verticalDpi="30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FF00"/>
  </sheetPr>
  <dimension ref="A1:H30"/>
  <sheetViews>
    <sheetView zoomScaleNormal="100" workbookViewId="0">
      <selection activeCell="A2" sqref="A2:H2"/>
    </sheetView>
  </sheetViews>
  <sheetFormatPr defaultRowHeight="13"/>
  <cols>
    <col min="1" max="1" width="11.90625" style="4" customWidth="1"/>
    <col min="2" max="8" width="10.6328125" style="4" customWidth="1"/>
    <col min="9" max="256" width="9" style="4"/>
    <col min="257" max="257" width="11.90625" style="4" customWidth="1"/>
    <col min="258" max="264" width="10.6328125" style="4" customWidth="1"/>
    <col min="265" max="512" width="9" style="4"/>
    <col min="513" max="513" width="11.90625" style="4" customWidth="1"/>
    <col min="514" max="520" width="10.6328125" style="4" customWidth="1"/>
    <col min="521" max="768" width="9" style="4"/>
    <col min="769" max="769" width="11.90625" style="4" customWidth="1"/>
    <col min="770" max="776" width="10.6328125" style="4" customWidth="1"/>
    <col min="777" max="1024" width="9" style="4"/>
    <col min="1025" max="1025" width="11.90625" style="4" customWidth="1"/>
    <col min="1026" max="1032" width="10.6328125" style="4" customWidth="1"/>
    <col min="1033" max="1280" width="9" style="4"/>
    <col min="1281" max="1281" width="11.90625" style="4" customWidth="1"/>
    <col min="1282" max="1288" width="10.6328125" style="4" customWidth="1"/>
    <col min="1289" max="1536" width="9" style="4"/>
    <col min="1537" max="1537" width="11.90625" style="4" customWidth="1"/>
    <col min="1538" max="1544" width="10.6328125" style="4" customWidth="1"/>
    <col min="1545" max="1792" width="9" style="4"/>
    <col min="1793" max="1793" width="11.90625" style="4" customWidth="1"/>
    <col min="1794" max="1800" width="10.6328125" style="4" customWidth="1"/>
    <col min="1801" max="2048" width="9" style="4"/>
    <col min="2049" max="2049" width="11.90625" style="4" customWidth="1"/>
    <col min="2050" max="2056" width="10.6328125" style="4" customWidth="1"/>
    <col min="2057" max="2304" width="9" style="4"/>
    <col min="2305" max="2305" width="11.90625" style="4" customWidth="1"/>
    <col min="2306" max="2312" width="10.6328125" style="4" customWidth="1"/>
    <col min="2313" max="2560" width="9" style="4"/>
    <col min="2561" max="2561" width="11.90625" style="4" customWidth="1"/>
    <col min="2562" max="2568" width="10.6328125" style="4" customWidth="1"/>
    <col min="2569" max="2816" width="9" style="4"/>
    <col min="2817" max="2817" width="11.90625" style="4" customWidth="1"/>
    <col min="2818" max="2824" width="10.6328125" style="4" customWidth="1"/>
    <col min="2825" max="3072" width="9" style="4"/>
    <col min="3073" max="3073" width="11.90625" style="4" customWidth="1"/>
    <col min="3074" max="3080" width="10.6328125" style="4" customWidth="1"/>
    <col min="3081" max="3328" width="9" style="4"/>
    <col min="3329" max="3329" width="11.90625" style="4" customWidth="1"/>
    <col min="3330" max="3336" width="10.6328125" style="4" customWidth="1"/>
    <col min="3337" max="3584" width="9" style="4"/>
    <col min="3585" max="3585" width="11.90625" style="4" customWidth="1"/>
    <col min="3586" max="3592" width="10.6328125" style="4" customWidth="1"/>
    <col min="3593" max="3840" width="9" style="4"/>
    <col min="3841" max="3841" width="11.90625" style="4" customWidth="1"/>
    <col min="3842" max="3848" width="10.6328125" style="4" customWidth="1"/>
    <col min="3849" max="4096" width="9" style="4"/>
    <col min="4097" max="4097" width="11.90625" style="4" customWidth="1"/>
    <col min="4098" max="4104" width="10.6328125" style="4" customWidth="1"/>
    <col min="4105" max="4352" width="9" style="4"/>
    <col min="4353" max="4353" width="11.90625" style="4" customWidth="1"/>
    <col min="4354" max="4360" width="10.6328125" style="4" customWidth="1"/>
    <col min="4361" max="4608" width="9" style="4"/>
    <col min="4609" max="4609" width="11.90625" style="4" customWidth="1"/>
    <col min="4610" max="4616" width="10.6328125" style="4" customWidth="1"/>
    <col min="4617" max="4864" width="9" style="4"/>
    <col min="4865" max="4865" width="11.90625" style="4" customWidth="1"/>
    <col min="4866" max="4872" width="10.6328125" style="4" customWidth="1"/>
    <col min="4873" max="5120" width="9" style="4"/>
    <col min="5121" max="5121" width="11.90625" style="4" customWidth="1"/>
    <col min="5122" max="5128" width="10.6328125" style="4" customWidth="1"/>
    <col min="5129" max="5376" width="9" style="4"/>
    <col min="5377" max="5377" width="11.90625" style="4" customWidth="1"/>
    <col min="5378" max="5384" width="10.6328125" style="4" customWidth="1"/>
    <col min="5385" max="5632" width="9" style="4"/>
    <col min="5633" max="5633" width="11.90625" style="4" customWidth="1"/>
    <col min="5634" max="5640" width="10.6328125" style="4" customWidth="1"/>
    <col min="5641" max="5888" width="9" style="4"/>
    <col min="5889" max="5889" width="11.90625" style="4" customWidth="1"/>
    <col min="5890" max="5896" width="10.6328125" style="4" customWidth="1"/>
    <col min="5897" max="6144" width="9" style="4"/>
    <col min="6145" max="6145" width="11.90625" style="4" customWidth="1"/>
    <col min="6146" max="6152" width="10.6328125" style="4" customWidth="1"/>
    <col min="6153" max="6400" width="9" style="4"/>
    <col min="6401" max="6401" width="11.90625" style="4" customWidth="1"/>
    <col min="6402" max="6408" width="10.6328125" style="4" customWidth="1"/>
    <col min="6409" max="6656" width="9" style="4"/>
    <col min="6657" max="6657" width="11.90625" style="4" customWidth="1"/>
    <col min="6658" max="6664" width="10.6328125" style="4" customWidth="1"/>
    <col min="6665" max="6912" width="9" style="4"/>
    <col min="6913" max="6913" width="11.90625" style="4" customWidth="1"/>
    <col min="6914" max="6920" width="10.6328125" style="4" customWidth="1"/>
    <col min="6921" max="7168" width="9" style="4"/>
    <col min="7169" max="7169" width="11.90625" style="4" customWidth="1"/>
    <col min="7170" max="7176" width="10.6328125" style="4" customWidth="1"/>
    <col min="7177" max="7424" width="9" style="4"/>
    <col min="7425" max="7425" width="11.90625" style="4" customWidth="1"/>
    <col min="7426" max="7432" width="10.6328125" style="4" customWidth="1"/>
    <col min="7433" max="7680" width="9" style="4"/>
    <col min="7681" max="7681" width="11.90625" style="4" customWidth="1"/>
    <col min="7682" max="7688" width="10.6328125" style="4" customWidth="1"/>
    <col min="7689" max="7936" width="9" style="4"/>
    <col min="7937" max="7937" width="11.90625" style="4" customWidth="1"/>
    <col min="7938" max="7944" width="10.6328125" style="4" customWidth="1"/>
    <col min="7945" max="8192" width="9" style="4"/>
    <col min="8193" max="8193" width="11.90625" style="4" customWidth="1"/>
    <col min="8194" max="8200" width="10.6328125" style="4" customWidth="1"/>
    <col min="8201" max="8448" width="9" style="4"/>
    <col min="8449" max="8449" width="11.90625" style="4" customWidth="1"/>
    <col min="8450" max="8456" width="10.6328125" style="4" customWidth="1"/>
    <col min="8457" max="8704" width="9" style="4"/>
    <col min="8705" max="8705" width="11.90625" style="4" customWidth="1"/>
    <col min="8706" max="8712" width="10.6328125" style="4" customWidth="1"/>
    <col min="8713" max="8960" width="9" style="4"/>
    <col min="8961" max="8961" width="11.90625" style="4" customWidth="1"/>
    <col min="8962" max="8968" width="10.6328125" style="4" customWidth="1"/>
    <col min="8969" max="9216" width="9" style="4"/>
    <col min="9217" max="9217" width="11.90625" style="4" customWidth="1"/>
    <col min="9218" max="9224" width="10.6328125" style="4" customWidth="1"/>
    <col min="9225" max="9472" width="9" style="4"/>
    <col min="9473" max="9473" width="11.90625" style="4" customWidth="1"/>
    <col min="9474" max="9480" width="10.6328125" style="4" customWidth="1"/>
    <col min="9481" max="9728" width="9" style="4"/>
    <col min="9729" max="9729" width="11.90625" style="4" customWidth="1"/>
    <col min="9730" max="9736" width="10.6328125" style="4" customWidth="1"/>
    <col min="9737" max="9984" width="9" style="4"/>
    <col min="9985" max="9985" width="11.90625" style="4" customWidth="1"/>
    <col min="9986" max="9992" width="10.6328125" style="4" customWidth="1"/>
    <col min="9993" max="10240" width="9" style="4"/>
    <col min="10241" max="10241" width="11.90625" style="4" customWidth="1"/>
    <col min="10242" max="10248" width="10.6328125" style="4" customWidth="1"/>
    <col min="10249" max="10496" width="9" style="4"/>
    <col min="10497" max="10497" width="11.90625" style="4" customWidth="1"/>
    <col min="10498" max="10504" width="10.6328125" style="4" customWidth="1"/>
    <col min="10505" max="10752" width="9" style="4"/>
    <col min="10753" max="10753" width="11.90625" style="4" customWidth="1"/>
    <col min="10754" max="10760" width="10.6328125" style="4" customWidth="1"/>
    <col min="10761" max="11008" width="9" style="4"/>
    <col min="11009" max="11009" width="11.90625" style="4" customWidth="1"/>
    <col min="11010" max="11016" width="10.6328125" style="4" customWidth="1"/>
    <col min="11017" max="11264" width="9" style="4"/>
    <col min="11265" max="11265" width="11.90625" style="4" customWidth="1"/>
    <col min="11266" max="11272" width="10.6328125" style="4" customWidth="1"/>
    <col min="11273" max="11520" width="9" style="4"/>
    <col min="11521" max="11521" width="11.90625" style="4" customWidth="1"/>
    <col min="11522" max="11528" width="10.6328125" style="4" customWidth="1"/>
    <col min="11529" max="11776" width="9" style="4"/>
    <col min="11777" max="11777" width="11.90625" style="4" customWidth="1"/>
    <col min="11778" max="11784" width="10.6328125" style="4" customWidth="1"/>
    <col min="11785" max="12032" width="9" style="4"/>
    <col min="12033" max="12033" width="11.90625" style="4" customWidth="1"/>
    <col min="12034" max="12040" width="10.6328125" style="4" customWidth="1"/>
    <col min="12041" max="12288" width="9" style="4"/>
    <col min="12289" max="12289" width="11.90625" style="4" customWidth="1"/>
    <col min="12290" max="12296" width="10.6328125" style="4" customWidth="1"/>
    <col min="12297" max="12544" width="9" style="4"/>
    <col min="12545" max="12545" width="11.90625" style="4" customWidth="1"/>
    <col min="12546" max="12552" width="10.6328125" style="4" customWidth="1"/>
    <col min="12553" max="12800" width="9" style="4"/>
    <col min="12801" max="12801" width="11.90625" style="4" customWidth="1"/>
    <col min="12802" max="12808" width="10.6328125" style="4" customWidth="1"/>
    <col min="12809" max="13056" width="9" style="4"/>
    <col min="13057" max="13057" width="11.90625" style="4" customWidth="1"/>
    <col min="13058" max="13064" width="10.6328125" style="4" customWidth="1"/>
    <col min="13065" max="13312" width="9" style="4"/>
    <col min="13313" max="13313" width="11.90625" style="4" customWidth="1"/>
    <col min="13314" max="13320" width="10.6328125" style="4" customWidth="1"/>
    <col min="13321" max="13568" width="9" style="4"/>
    <col min="13569" max="13569" width="11.90625" style="4" customWidth="1"/>
    <col min="13570" max="13576" width="10.6328125" style="4" customWidth="1"/>
    <col min="13577" max="13824" width="9" style="4"/>
    <col min="13825" max="13825" width="11.90625" style="4" customWidth="1"/>
    <col min="13826" max="13832" width="10.6328125" style="4" customWidth="1"/>
    <col min="13833" max="14080" width="9" style="4"/>
    <col min="14081" max="14081" width="11.90625" style="4" customWidth="1"/>
    <col min="14082" max="14088" width="10.6328125" style="4" customWidth="1"/>
    <col min="14089" max="14336" width="9" style="4"/>
    <col min="14337" max="14337" width="11.90625" style="4" customWidth="1"/>
    <col min="14338" max="14344" width="10.6328125" style="4" customWidth="1"/>
    <col min="14345" max="14592" width="9" style="4"/>
    <col min="14593" max="14593" width="11.90625" style="4" customWidth="1"/>
    <col min="14594" max="14600" width="10.6328125" style="4" customWidth="1"/>
    <col min="14601" max="14848" width="9" style="4"/>
    <col min="14849" max="14849" width="11.90625" style="4" customWidth="1"/>
    <col min="14850" max="14856" width="10.6328125" style="4" customWidth="1"/>
    <col min="14857" max="15104" width="9" style="4"/>
    <col min="15105" max="15105" width="11.90625" style="4" customWidth="1"/>
    <col min="15106" max="15112" width="10.6328125" style="4" customWidth="1"/>
    <col min="15113" max="15360" width="9" style="4"/>
    <col min="15361" max="15361" width="11.90625" style="4" customWidth="1"/>
    <col min="15362" max="15368" width="10.6328125" style="4" customWidth="1"/>
    <col min="15369" max="15616" width="9" style="4"/>
    <col min="15617" max="15617" width="11.90625" style="4" customWidth="1"/>
    <col min="15618" max="15624" width="10.6328125" style="4" customWidth="1"/>
    <col min="15625" max="15872" width="9" style="4"/>
    <col min="15873" max="15873" width="11.90625" style="4" customWidth="1"/>
    <col min="15874" max="15880" width="10.6328125" style="4" customWidth="1"/>
    <col min="15881" max="16128" width="9" style="4"/>
    <col min="16129" max="16129" width="11.90625" style="4" customWidth="1"/>
    <col min="16130" max="16136" width="10.6328125" style="4" customWidth="1"/>
    <col min="16137" max="16384" width="9" style="4"/>
  </cols>
  <sheetData>
    <row r="1" spans="1:8">
      <c r="A1" s="1" t="s">
        <v>114</v>
      </c>
    </row>
    <row r="2" spans="1:8" ht="21" customHeight="1">
      <c r="A2" s="452" t="s">
        <v>124</v>
      </c>
      <c r="B2" s="452"/>
      <c r="C2" s="452"/>
      <c r="D2" s="452"/>
      <c r="E2" s="452"/>
      <c r="F2" s="452"/>
      <c r="G2" s="452"/>
      <c r="H2" s="452"/>
    </row>
    <row r="4" spans="1:8" ht="18" customHeight="1">
      <c r="A4" s="4" t="s">
        <v>125</v>
      </c>
      <c r="B4" s="4" t="s">
        <v>408</v>
      </c>
    </row>
    <row r="5" spans="1:8" ht="21" customHeight="1">
      <c r="A5" s="64" t="s">
        <v>402</v>
      </c>
      <c r="B5" s="64" t="s">
        <v>403</v>
      </c>
      <c r="C5" s="64"/>
      <c r="D5" s="66" t="s">
        <v>126</v>
      </c>
    </row>
    <row r="6" spans="1:8" ht="21" customHeight="1">
      <c r="A6" s="67" t="s">
        <v>127</v>
      </c>
      <c r="B6" s="68"/>
      <c r="C6" s="68"/>
      <c r="D6" s="70"/>
    </row>
    <row r="7" spans="1:8" ht="21" customHeight="1">
      <c r="A7" s="67" t="s">
        <v>128</v>
      </c>
      <c r="B7" s="68"/>
      <c r="C7" s="68"/>
      <c r="D7" s="70"/>
    </row>
    <row r="8" spans="1:8">
      <c r="A8" s="250" t="s">
        <v>409</v>
      </c>
    </row>
    <row r="9" spans="1:8" s="201" customFormat="1">
      <c r="A9" s="250" t="s">
        <v>410</v>
      </c>
    </row>
    <row r="11" spans="1:8" ht="18" customHeight="1">
      <c r="A11" s="4" t="s">
        <v>129</v>
      </c>
    </row>
    <row r="12" spans="1:8" ht="41.25" customHeight="1">
      <c r="A12" s="64" t="s">
        <v>7</v>
      </c>
      <c r="B12" s="64" t="s">
        <v>404</v>
      </c>
      <c r="C12" s="64" t="s">
        <v>405</v>
      </c>
      <c r="D12" s="119" t="s">
        <v>406</v>
      </c>
      <c r="E12" s="64" t="s">
        <v>130</v>
      </c>
      <c r="F12" s="64" t="s">
        <v>131</v>
      </c>
      <c r="G12" s="72" t="s">
        <v>132</v>
      </c>
      <c r="H12" s="66" t="s">
        <v>133</v>
      </c>
    </row>
    <row r="13" spans="1:8" ht="21" customHeight="1">
      <c r="A13" s="73" t="s">
        <v>134</v>
      </c>
      <c r="B13" s="68"/>
      <c r="C13" s="68"/>
      <c r="D13" s="68"/>
      <c r="E13" s="68"/>
      <c r="F13" s="68"/>
      <c r="G13" s="69"/>
      <c r="H13" s="70"/>
    </row>
    <row r="14" spans="1:8" ht="21" customHeight="1" thickBot="1">
      <c r="A14" s="74" t="s">
        <v>135</v>
      </c>
      <c r="B14" s="75"/>
      <c r="C14" s="75"/>
      <c r="D14" s="75"/>
      <c r="E14" s="75"/>
      <c r="F14" s="75"/>
      <c r="G14" s="76"/>
      <c r="H14" s="77"/>
    </row>
    <row r="15" spans="1:8" ht="21" customHeight="1" thickTop="1">
      <c r="A15" s="78" t="s">
        <v>136</v>
      </c>
      <c r="B15" s="79"/>
      <c r="C15" s="79"/>
      <c r="D15" s="79"/>
      <c r="E15" s="79"/>
      <c r="F15" s="79"/>
      <c r="G15" s="80"/>
      <c r="H15" s="81"/>
    </row>
    <row r="16" spans="1:8" ht="15" customHeight="1">
      <c r="A16" s="453" t="s">
        <v>137</v>
      </c>
      <c r="B16" s="454"/>
      <c r="C16" s="455"/>
      <c r="D16" s="459" t="s">
        <v>138</v>
      </c>
      <c r="E16" s="460"/>
      <c r="F16" s="460"/>
      <c r="G16" s="460"/>
      <c r="H16" s="461"/>
    </row>
    <row r="17" spans="1:8" ht="15" customHeight="1">
      <c r="A17" s="456"/>
      <c r="B17" s="457"/>
      <c r="C17" s="458"/>
      <c r="D17" s="462" t="s">
        <v>139</v>
      </c>
      <c r="E17" s="463"/>
      <c r="F17" s="463"/>
      <c r="G17" s="463"/>
      <c r="H17" s="464"/>
    </row>
    <row r="19" spans="1:8" ht="18" customHeight="1">
      <c r="A19" s="82" t="s">
        <v>140</v>
      </c>
      <c r="B19" s="82"/>
      <c r="C19" s="82"/>
      <c r="D19" s="82"/>
      <c r="E19" s="82"/>
      <c r="F19" s="82"/>
      <c r="G19" s="82"/>
      <c r="H19" s="82"/>
    </row>
    <row r="20" spans="1:8" ht="18" customHeight="1">
      <c r="A20" s="465" t="s">
        <v>407</v>
      </c>
      <c r="B20" s="466"/>
      <c r="C20" s="466"/>
      <c r="D20" s="466"/>
      <c r="E20" s="466"/>
      <c r="F20" s="466"/>
      <c r="G20" s="466"/>
      <c r="H20" s="467"/>
    </row>
    <row r="21" spans="1:8" ht="72" customHeight="1">
      <c r="A21" s="446"/>
      <c r="B21" s="447"/>
      <c r="C21" s="447"/>
      <c r="D21" s="447"/>
      <c r="E21" s="447"/>
      <c r="F21" s="447"/>
      <c r="G21" s="447"/>
      <c r="H21" s="448"/>
    </row>
    <row r="22" spans="1:8" ht="13.5" customHeight="1"/>
    <row r="23" spans="1:8" ht="18" customHeight="1">
      <c r="A23" s="82" t="s">
        <v>141</v>
      </c>
      <c r="B23" s="82"/>
      <c r="C23" s="82"/>
      <c r="D23" s="82"/>
      <c r="E23" s="82"/>
      <c r="F23" s="82"/>
      <c r="G23" s="82"/>
      <c r="H23" s="82"/>
    </row>
    <row r="24" spans="1:8" ht="72" customHeight="1">
      <c r="A24" s="449"/>
      <c r="B24" s="450"/>
      <c r="C24" s="450"/>
      <c r="D24" s="450"/>
      <c r="E24" s="450"/>
      <c r="F24" s="450"/>
      <c r="G24" s="450"/>
      <c r="H24" s="451"/>
    </row>
    <row r="26" spans="1:8" ht="18" customHeight="1">
      <c r="A26" s="82" t="s">
        <v>445</v>
      </c>
      <c r="B26" s="82"/>
      <c r="C26" s="82"/>
      <c r="D26" s="82"/>
      <c r="E26" s="82"/>
      <c r="F26" s="82"/>
      <c r="G26" s="82"/>
      <c r="H26" s="82"/>
    </row>
    <row r="27" spans="1:8" ht="72" customHeight="1">
      <c r="A27" s="449"/>
      <c r="B27" s="450"/>
      <c r="C27" s="450"/>
      <c r="D27" s="450"/>
      <c r="E27" s="450"/>
      <c r="F27" s="450"/>
      <c r="G27" s="450"/>
      <c r="H27" s="451"/>
    </row>
    <row r="29" spans="1:8" ht="18" customHeight="1">
      <c r="A29" s="196"/>
      <c r="B29" s="196"/>
      <c r="C29" s="196"/>
      <c r="D29" s="196"/>
      <c r="E29" s="196"/>
      <c r="F29" s="196"/>
      <c r="G29" s="196"/>
      <c r="H29" s="196"/>
    </row>
    <row r="30" spans="1:8">
      <c r="A30" s="275"/>
      <c r="B30" s="275"/>
      <c r="C30" s="275"/>
      <c r="D30" s="275"/>
      <c r="E30" s="275"/>
      <c r="F30" s="275"/>
      <c r="G30" s="275"/>
      <c r="H30" s="275"/>
    </row>
  </sheetData>
  <mergeCells count="8">
    <mergeCell ref="A21:H21"/>
    <mergeCell ref="A24:H24"/>
    <mergeCell ref="A27:H27"/>
    <mergeCell ref="A2:H2"/>
    <mergeCell ref="A16:C17"/>
    <mergeCell ref="D16:H16"/>
    <mergeCell ref="D17:H17"/>
    <mergeCell ref="A20:H20"/>
  </mergeCells>
  <phoneticPr fontId="4"/>
  <pageMargins left="0.82677165354330717" right="0.62992125984251968" top="0.74803149606299213" bottom="0.74803149606299213" header="0.31496062992125984" footer="0.31496062992125984"/>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FF00"/>
  </sheetPr>
  <dimension ref="A1:AA78"/>
  <sheetViews>
    <sheetView workbookViewId="0">
      <selection activeCell="H26" sqref="H26"/>
    </sheetView>
  </sheetViews>
  <sheetFormatPr defaultColWidth="4.6328125" defaultRowHeight="15.75" customHeight="1"/>
  <cols>
    <col min="1" max="1" width="11.6328125" style="83" customWidth="1"/>
    <col min="2" max="256" width="4.6328125" style="83"/>
    <col min="257" max="257" width="10.26953125" style="83" customWidth="1"/>
    <col min="258" max="512" width="4.6328125" style="83"/>
    <col min="513" max="513" width="10.26953125" style="83" customWidth="1"/>
    <col min="514" max="768" width="4.6328125" style="83"/>
    <col min="769" max="769" width="10.26953125" style="83" customWidth="1"/>
    <col min="770" max="1024" width="4.6328125" style="83"/>
    <col min="1025" max="1025" width="10.26953125" style="83" customWidth="1"/>
    <col min="1026" max="1280" width="4.6328125" style="83"/>
    <col min="1281" max="1281" width="10.26953125" style="83" customWidth="1"/>
    <col min="1282" max="1536" width="4.6328125" style="83"/>
    <col min="1537" max="1537" width="10.26953125" style="83" customWidth="1"/>
    <col min="1538" max="1792" width="4.6328125" style="83"/>
    <col min="1793" max="1793" width="10.26953125" style="83" customWidth="1"/>
    <col min="1794" max="2048" width="4.6328125" style="83"/>
    <col min="2049" max="2049" width="10.26953125" style="83" customWidth="1"/>
    <col min="2050" max="2304" width="4.6328125" style="83"/>
    <col min="2305" max="2305" width="10.26953125" style="83" customWidth="1"/>
    <col min="2306" max="2560" width="4.6328125" style="83"/>
    <col min="2561" max="2561" width="10.26953125" style="83" customWidth="1"/>
    <col min="2562" max="2816" width="4.6328125" style="83"/>
    <col min="2817" max="2817" width="10.26953125" style="83" customWidth="1"/>
    <col min="2818" max="3072" width="4.6328125" style="83"/>
    <col min="3073" max="3073" width="10.26953125" style="83" customWidth="1"/>
    <col min="3074" max="3328" width="4.6328125" style="83"/>
    <col min="3329" max="3329" width="10.26953125" style="83" customWidth="1"/>
    <col min="3330" max="3584" width="4.6328125" style="83"/>
    <col min="3585" max="3585" width="10.26953125" style="83" customWidth="1"/>
    <col min="3586" max="3840" width="4.6328125" style="83"/>
    <col min="3841" max="3841" width="10.26953125" style="83" customWidth="1"/>
    <col min="3842" max="4096" width="4.6328125" style="83"/>
    <col min="4097" max="4097" width="10.26953125" style="83" customWidth="1"/>
    <col min="4098" max="4352" width="4.6328125" style="83"/>
    <col min="4353" max="4353" width="10.26953125" style="83" customWidth="1"/>
    <col min="4354" max="4608" width="4.6328125" style="83"/>
    <col min="4609" max="4609" width="10.26953125" style="83" customWidth="1"/>
    <col min="4610" max="4864" width="4.6328125" style="83"/>
    <col min="4865" max="4865" width="10.26953125" style="83" customWidth="1"/>
    <col min="4866" max="5120" width="4.6328125" style="83"/>
    <col min="5121" max="5121" width="10.26953125" style="83" customWidth="1"/>
    <col min="5122" max="5376" width="4.6328125" style="83"/>
    <col min="5377" max="5377" width="10.26953125" style="83" customWidth="1"/>
    <col min="5378" max="5632" width="4.6328125" style="83"/>
    <col min="5633" max="5633" width="10.26953125" style="83" customWidth="1"/>
    <col min="5634" max="5888" width="4.6328125" style="83"/>
    <col min="5889" max="5889" width="10.26953125" style="83" customWidth="1"/>
    <col min="5890" max="6144" width="4.6328125" style="83"/>
    <col min="6145" max="6145" width="10.26953125" style="83" customWidth="1"/>
    <col min="6146" max="6400" width="4.6328125" style="83"/>
    <col min="6401" max="6401" width="10.26953125" style="83" customWidth="1"/>
    <col min="6402" max="6656" width="4.6328125" style="83"/>
    <col min="6657" max="6657" width="10.26953125" style="83" customWidth="1"/>
    <col min="6658" max="6912" width="4.6328125" style="83"/>
    <col min="6913" max="6913" width="10.26953125" style="83" customWidth="1"/>
    <col min="6914" max="7168" width="4.6328125" style="83"/>
    <col min="7169" max="7169" width="10.26953125" style="83" customWidth="1"/>
    <col min="7170" max="7424" width="4.6328125" style="83"/>
    <col min="7425" max="7425" width="10.26953125" style="83" customWidth="1"/>
    <col min="7426" max="7680" width="4.6328125" style="83"/>
    <col min="7681" max="7681" width="10.26953125" style="83" customWidth="1"/>
    <col min="7682" max="7936" width="4.6328125" style="83"/>
    <col min="7937" max="7937" width="10.26953125" style="83" customWidth="1"/>
    <col min="7938" max="8192" width="4.6328125" style="83"/>
    <col min="8193" max="8193" width="10.26953125" style="83" customWidth="1"/>
    <col min="8194" max="8448" width="4.6328125" style="83"/>
    <col min="8449" max="8449" width="10.26953125" style="83" customWidth="1"/>
    <col min="8450" max="8704" width="4.6328125" style="83"/>
    <col min="8705" max="8705" width="10.26953125" style="83" customWidth="1"/>
    <col min="8706" max="8960" width="4.6328125" style="83"/>
    <col min="8961" max="8961" width="10.26953125" style="83" customWidth="1"/>
    <col min="8962" max="9216" width="4.6328125" style="83"/>
    <col min="9217" max="9217" width="10.26953125" style="83" customWidth="1"/>
    <col min="9218" max="9472" width="4.6328125" style="83"/>
    <col min="9473" max="9473" width="10.26953125" style="83" customWidth="1"/>
    <col min="9474" max="9728" width="4.6328125" style="83"/>
    <col min="9729" max="9729" width="10.26953125" style="83" customWidth="1"/>
    <col min="9730" max="9984" width="4.6328125" style="83"/>
    <col min="9985" max="9985" width="10.26953125" style="83" customWidth="1"/>
    <col min="9986" max="10240" width="4.6328125" style="83"/>
    <col min="10241" max="10241" width="10.26953125" style="83" customWidth="1"/>
    <col min="10242" max="10496" width="4.6328125" style="83"/>
    <col min="10497" max="10497" width="10.26953125" style="83" customWidth="1"/>
    <col min="10498" max="10752" width="4.6328125" style="83"/>
    <col min="10753" max="10753" width="10.26953125" style="83" customWidth="1"/>
    <col min="10754" max="11008" width="4.6328125" style="83"/>
    <col min="11009" max="11009" width="10.26953125" style="83" customWidth="1"/>
    <col min="11010" max="11264" width="4.6328125" style="83"/>
    <col min="11265" max="11265" width="10.26953125" style="83" customWidth="1"/>
    <col min="11266" max="11520" width="4.6328125" style="83"/>
    <col min="11521" max="11521" width="10.26953125" style="83" customWidth="1"/>
    <col min="11522" max="11776" width="4.6328125" style="83"/>
    <col min="11777" max="11777" width="10.26953125" style="83" customWidth="1"/>
    <col min="11778" max="12032" width="4.6328125" style="83"/>
    <col min="12033" max="12033" width="10.26953125" style="83" customWidth="1"/>
    <col min="12034" max="12288" width="4.6328125" style="83"/>
    <col min="12289" max="12289" width="10.26953125" style="83" customWidth="1"/>
    <col min="12290" max="12544" width="4.6328125" style="83"/>
    <col min="12545" max="12545" width="10.26953125" style="83" customWidth="1"/>
    <col min="12546" max="12800" width="4.6328125" style="83"/>
    <col min="12801" max="12801" width="10.26953125" style="83" customWidth="1"/>
    <col min="12802" max="13056" width="4.6328125" style="83"/>
    <col min="13057" max="13057" width="10.26953125" style="83" customWidth="1"/>
    <col min="13058" max="13312" width="4.6328125" style="83"/>
    <col min="13313" max="13313" width="10.26953125" style="83" customWidth="1"/>
    <col min="13314" max="13568" width="4.6328125" style="83"/>
    <col min="13569" max="13569" width="10.26953125" style="83" customWidth="1"/>
    <col min="13570" max="13824" width="4.6328125" style="83"/>
    <col min="13825" max="13825" width="10.26953125" style="83" customWidth="1"/>
    <col min="13826" max="14080" width="4.6328125" style="83"/>
    <col min="14081" max="14081" width="10.26953125" style="83" customWidth="1"/>
    <col min="14082" max="14336" width="4.6328125" style="83"/>
    <col min="14337" max="14337" width="10.26953125" style="83" customWidth="1"/>
    <col min="14338" max="14592" width="4.6328125" style="83"/>
    <col min="14593" max="14593" width="10.26953125" style="83" customWidth="1"/>
    <col min="14594" max="14848" width="4.6328125" style="83"/>
    <col min="14849" max="14849" width="10.26953125" style="83" customWidth="1"/>
    <col min="14850" max="15104" width="4.6328125" style="83"/>
    <col min="15105" max="15105" width="10.26953125" style="83" customWidth="1"/>
    <col min="15106" max="15360" width="4.6328125" style="83"/>
    <col min="15361" max="15361" width="10.26953125" style="83" customWidth="1"/>
    <col min="15362" max="15616" width="4.6328125" style="83"/>
    <col min="15617" max="15617" width="10.26953125" style="83" customWidth="1"/>
    <col min="15618" max="15872" width="4.6328125" style="83"/>
    <col min="15873" max="15873" width="10.26953125" style="83" customWidth="1"/>
    <col min="15874" max="16128" width="4.6328125" style="83"/>
    <col min="16129" max="16129" width="10.26953125" style="83" customWidth="1"/>
    <col min="16130" max="16384" width="4.6328125" style="83"/>
  </cols>
  <sheetData>
    <row r="1" spans="1:27" ht="15" customHeight="1">
      <c r="A1" s="83" t="s">
        <v>123</v>
      </c>
    </row>
    <row r="2" spans="1:27" ht="21" customHeight="1">
      <c r="A2" s="84" t="s">
        <v>420</v>
      </c>
    </row>
    <row r="3" spans="1:27" ht="22.5" customHeight="1">
      <c r="B3" s="262" t="s">
        <v>418</v>
      </c>
    </row>
    <row r="4" spans="1:27" ht="15.75" customHeight="1">
      <c r="A4" s="85" t="s">
        <v>143</v>
      </c>
      <c r="B4" s="468">
        <v>0.29166666666666669</v>
      </c>
      <c r="C4" s="468"/>
      <c r="D4" s="468">
        <v>0.33333333333333331</v>
      </c>
      <c r="E4" s="468"/>
      <c r="F4" s="468">
        <v>0.375</v>
      </c>
      <c r="G4" s="468"/>
      <c r="H4" s="468">
        <v>0.41666666666666669</v>
      </c>
      <c r="I4" s="468"/>
      <c r="J4" s="468">
        <v>0.45833333333333331</v>
      </c>
      <c r="K4" s="468"/>
      <c r="L4" s="468">
        <v>0.5</v>
      </c>
      <c r="M4" s="468"/>
      <c r="N4" s="468">
        <v>0.54166666666666663</v>
      </c>
      <c r="O4" s="468"/>
      <c r="P4" s="468">
        <v>0.58333333333333337</v>
      </c>
      <c r="Q4" s="468"/>
      <c r="R4" s="468">
        <v>0.625</v>
      </c>
      <c r="S4" s="468"/>
      <c r="T4" s="468">
        <v>0.66666666666666663</v>
      </c>
      <c r="U4" s="468"/>
      <c r="V4" s="468">
        <v>0.70833333333333337</v>
      </c>
      <c r="W4" s="468"/>
      <c r="X4" s="468">
        <v>0.75</v>
      </c>
      <c r="Y4" s="468"/>
      <c r="Z4" s="468">
        <v>0.79166666666666663</v>
      </c>
      <c r="AA4" s="471"/>
    </row>
    <row r="5" spans="1:27" ht="12" customHeight="1">
      <c r="A5" s="86" t="s">
        <v>144</v>
      </c>
      <c r="B5" s="87"/>
      <c r="C5" s="88"/>
      <c r="D5" s="89"/>
      <c r="E5" s="90"/>
      <c r="F5" s="91"/>
      <c r="G5" s="87"/>
      <c r="H5" s="91"/>
      <c r="I5" s="87"/>
      <c r="J5" s="91"/>
      <c r="K5" s="87"/>
      <c r="L5" s="91"/>
      <c r="M5" s="87"/>
      <c r="N5" s="91"/>
      <c r="O5" s="87"/>
      <c r="P5" s="91"/>
      <c r="Q5" s="87"/>
      <c r="R5" s="91"/>
      <c r="S5" s="87"/>
      <c r="T5" s="91"/>
      <c r="U5" s="87"/>
      <c r="V5" s="91"/>
      <c r="W5" s="87"/>
      <c r="X5" s="91"/>
      <c r="Y5" s="89"/>
      <c r="Z5" s="92"/>
      <c r="AA5" s="93"/>
    </row>
    <row r="6" spans="1:27" ht="12" customHeight="1">
      <c r="A6" s="272" t="s">
        <v>412</v>
      </c>
      <c r="B6" s="94"/>
      <c r="C6" s="95"/>
      <c r="D6" s="96"/>
      <c r="E6" s="99"/>
      <c r="F6" s="100"/>
      <c r="G6" s="99"/>
      <c r="H6" s="100"/>
      <c r="I6" s="99"/>
      <c r="J6" s="100"/>
      <c r="K6" s="99"/>
      <c r="L6" s="100"/>
      <c r="M6" s="259" t="s">
        <v>411</v>
      </c>
      <c r="N6" s="258"/>
      <c r="O6" s="99"/>
      <c r="P6" s="100"/>
      <c r="Q6" s="99"/>
      <c r="R6" s="100"/>
      <c r="S6" s="99"/>
      <c r="T6" s="100"/>
      <c r="U6" s="260"/>
      <c r="V6" s="261"/>
      <c r="W6" s="94"/>
      <c r="X6" s="98"/>
      <c r="Y6" s="96"/>
      <c r="Z6" s="101"/>
      <c r="AA6" s="102"/>
    </row>
    <row r="7" spans="1:27" ht="12" customHeight="1">
      <c r="A7" s="272"/>
      <c r="B7" s="94"/>
      <c r="C7" s="95"/>
      <c r="D7" s="96"/>
      <c r="E7" s="260"/>
      <c r="F7" s="261"/>
      <c r="G7" s="260"/>
      <c r="H7" s="261"/>
      <c r="I7" s="260"/>
      <c r="J7" s="261"/>
      <c r="K7" s="260"/>
      <c r="L7" s="261"/>
      <c r="M7" s="260"/>
      <c r="N7" s="261"/>
      <c r="O7" s="260"/>
      <c r="P7" s="261"/>
      <c r="Q7" s="260"/>
      <c r="R7" s="261"/>
      <c r="S7" s="260"/>
      <c r="T7" s="261"/>
      <c r="U7" s="260"/>
      <c r="V7" s="261"/>
      <c r="W7" s="94"/>
      <c r="X7" s="98"/>
      <c r="Y7" s="96"/>
      <c r="Z7" s="101"/>
      <c r="AA7" s="102"/>
    </row>
    <row r="8" spans="1:27" ht="12" customHeight="1">
      <c r="A8" s="272" t="s">
        <v>413</v>
      </c>
      <c r="B8" s="94"/>
      <c r="C8" s="95"/>
      <c r="D8" s="96"/>
      <c r="E8" s="260"/>
      <c r="F8" s="261"/>
      <c r="G8" s="260"/>
      <c r="H8" s="261"/>
      <c r="I8" s="260"/>
      <c r="J8" s="261"/>
      <c r="K8" s="99"/>
      <c r="L8" s="100"/>
      <c r="M8" s="99"/>
      <c r="N8" s="100"/>
      <c r="O8" s="259" t="s">
        <v>411</v>
      </c>
      <c r="P8" s="258"/>
      <c r="Q8" s="99"/>
      <c r="R8" s="100"/>
      <c r="S8" s="99"/>
      <c r="T8" s="100"/>
      <c r="U8" s="99"/>
      <c r="V8" s="100"/>
      <c r="W8" s="99"/>
      <c r="X8" s="100"/>
      <c r="Y8" s="99"/>
      <c r="Z8" s="100"/>
      <c r="AA8" s="102"/>
    </row>
    <row r="9" spans="1:27" ht="12" customHeight="1">
      <c r="A9" s="103"/>
      <c r="B9" s="104"/>
      <c r="C9" s="105"/>
      <c r="D9" s="106"/>
      <c r="E9" s="107"/>
      <c r="F9" s="108"/>
      <c r="G9" s="106"/>
      <c r="H9" s="108"/>
      <c r="I9" s="106"/>
      <c r="J9" s="108"/>
      <c r="K9" s="106"/>
      <c r="L9" s="108"/>
      <c r="M9" s="106"/>
      <c r="N9" s="108"/>
      <c r="O9" s="106"/>
      <c r="P9" s="108"/>
      <c r="Q9" s="106"/>
      <c r="R9" s="108"/>
      <c r="S9" s="106"/>
      <c r="T9" s="108"/>
      <c r="U9" s="106"/>
      <c r="V9" s="108"/>
      <c r="W9" s="106"/>
      <c r="X9" s="108"/>
      <c r="Y9" s="106"/>
      <c r="Z9" s="109"/>
      <c r="AA9" s="110"/>
    </row>
    <row r="10" spans="1:27" ht="12" customHeight="1">
      <c r="A10" s="111" t="s">
        <v>414</v>
      </c>
      <c r="B10" s="94"/>
      <c r="C10" s="112"/>
      <c r="D10" s="94"/>
      <c r="E10" s="97"/>
      <c r="F10" s="101"/>
      <c r="G10" s="94"/>
      <c r="H10" s="101"/>
      <c r="I10" s="94"/>
      <c r="J10" s="101"/>
      <c r="K10" s="94"/>
      <c r="L10" s="101"/>
      <c r="M10" s="94"/>
      <c r="N10" s="101"/>
      <c r="O10" s="94"/>
      <c r="P10" s="101"/>
      <c r="Q10" s="94"/>
      <c r="R10" s="101"/>
      <c r="S10" s="94"/>
      <c r="T10" s="101"/>
      <c r="U10" s="94"/>
      <c r="V10" s="101"/>
      <c r="W10" s="94"/>
      <c r="X10" s="101"/>
      <c r="Y10" s="94"/>
      <c r="Z10" s="101"/>
      <c r="AA10" s="102"/>
    </row>
    <row r="11" spans="1:27" ht="12" customHeight="1">
      <c r="A11" s="272" t="s">
        <v>412</v>
      </c>
      <c r="B11" s="94"/>
      <c r="C11" s="112"/>
      <c r="D11" s="94"/>
      <c r="E11" s="97"/>
      <c r="F11" s="101"/>
      <c r="G11" s="94"/>
      <c r="H11" s="101"/>
      <c r="I11" s="94"/>
      <c r="J11" s="101"/>
      <c r="K11" s="94"/>
      <c r="L11" s="101"/>
      <c r="M11" s="94"/>
      <c r="N11" s="101"/>
      <c r="O11" s="94"/>
      <c r="P11" s="101"/>
      <c r="Q11" s="94"/>
      <c r="R11" s="101"/>
      <c r="S11" s="94"/>
      <c r="T11" s="101"/>
      <c r="U11" s="94"/>
      <c r="V11" s="101"/>
      <c r="W11" s="94"/>
      <c r="X11" s="101"/>
      <c r="Y11" s="94"/>
      <c r="Z11" s="101"/>
      <c r="AA11" s="102"/>
    </row>
    <row r="12" spans="1:27" ht="12" customHeight="1">
      <c r="A12" s="272"/>
      <c r="B12" s="94"/>
      <c r="C12" s="112"/>
      <c r="D12" s="94"/>
      <c r="E12" s="97"/>
      <c r="F12" s="101"/>
      <c r="G12" s="94"/>
      <c r="H12" s="101"/>
      <c r="I12" s="94"/>
      <c r="J12" s="101"/>
      <c r="K12" s="94"/>
      <c r="L12" s="101"/>
      <c r="M12" s="94"/>
      <c r="N12" s="101"/>
      <c r="O12" s="94"/>
      <c r="P12" s="101"/>
      <c r="Q12" s="94"/>
      <c r="R12" s="101"/>
      <c r="S12" s="94"/>
      <c r="T12" s="101"/>
      <c r="U12" s="94"/>
      <c r="V12" s="101"/>
      <c r="W12" s="94"/>
      <c r="X12" s="101"/>
      <c r="Y12" s="94"/>
      <c r="Z12" s="101"/>
      <c r="AA12" s="102"/>
    </row>
    <row r="13" spans="1:27" ht="12" customHeight="1">
      <c r="A13" s="272" t="s">
        <v>413</v>
      </c>
      <c r="B13" s="94"/>
      <c r="C13" s="112"/>
      <c r="D13" s="94"/>
      <c r="E13" s="97"/>
      <c r="F13" s="101"/>
      <c r="G13" s="94"/>
      <c r="H13" s="101"/>
      <c r="I13" s="94"/>
      <c r="J13" s="101"/>
      <c r="K13" s="94"/>
      <c r="L13" s="101"/>
      <c r="M13" s="94"/>
      <c r="N13" s="101"/>
      <c r="O13" s="94"/>
      <c r="P13" s="101"/>
      <c r="Q13" s="94"/>
      <c r="R13" s="101"/>
      <c r="S13" s="94"/>
      <c r="T13" s="101"/>
      <c r="U13" s="94"/>
      <c r="V13" s="101"/>
      <c r="W13" s="94"/>
      <c r="X13" s="101"/>
      <c r="Y13" s="94"/>
      <c r="Z13" s="101"/>
      <c r="AA13" s="102"/>
    </row>
    <row r="14" spans="1:27" ht="12" customHeight="1">
      <c r="A14" s="113"/>
      <c r="B14" s="106"/>
      <c r="C14" s="114"/>
      <c r="D14" s="106"/>
      <c r="E14" s="107"/>
      <c r="F14" s="108"/>
      <c r="G14" s="106"/>
      <c r="H14" s="108"/>
      <c r="I14" s="106"/>
      <c r="J14" s="108"/>
      <c r="K14" s="106"/>
      <c r="L14" s="108"/>
      <c r="M14" s="106"/>
      <c r="N14" s="108"/>
      <c r="O14" s="106"/>
      <c r="P14" s="108"/>
      <c r="Q14" s="106"/>
      <c r="R14" s="108"/>
      <c r="S14" s="106"/>
      <c r="T14" s="108"/>
      <c r="U14" s="106"/>
      <c r="V14" s="108"/>
      <c r="W14" s="106"/>
      <c r="X14" s="108"/>
      <c r="Y14" s="106"/>
      <c r="Z14" s="108"/>
      <c r="AA14" s="115"/>
    </row>
    <row r="15" spans="1:27" ht="12" customHeight="1">
      <c r="A15" s="111" t="s">
        <v>415</v>
      </c>
      <c r="B15" s="94"/>
      <c r="C15" s="112"/>
      <c r="D15" s="94"/>
      <c r="E15" s="97"/>
      <c r="F15" s="101"/>
      <c r="G15" s="94"/>
      <c r="H15" s="101"/>
      <c r="I15" s="94"/>
      <c r="J15" s="101"/>
      <c r="K15" s="94"/>
      <c r="L15" s="101"/>
      <c r="M15" s="94"/>
      <c r="N15" s="101"/>
      <c r="O15" s="94"/>
      <c r="P15" s="101"/>
      <c r="Q15" s="94"/>
      <c r="R15" s="101"/>
      <c r="S15" s="94"/>
      <c r="T15" s="101"/>
      <c r="U15" s="94"/>
      <c r="V15" s="101"/>
      <c r="W15" s="94"/>
      <c r="X15" s="101"/>
      <c r="Y15" s="94"/>
      <c r="Z15" s="101"/>
      <c r="AA15" s="102"/>
    </row>
    <row r="16" spans="1:27" ht="12" customHeight="1">
      <c r="A16" s="272" t="s">
        <v>416</v>
      </c>
      <c r="B16" s="94"/>
      <c r="C16" s="112"/>
      <c r="D16" s="94"/>
      <c r="E16" s="97"/>
      <c r="F16" s="101"/>
      <c r="G16" s="94"/>
      <c r="H16" s="101"/>
      <c r="I16" s="94"/>
      <c r="J16" s="101"/>
      <c r="K16" s="94"/>
      <c r="L16" s="101"/>
      <c r="M16" s="94"/>
      <c r="N16" s="101"/>
      <c r="O16" s="94"/>
      <c r="P16" s="101"/>
      <c r="Q16" s="94"/>
      <c r="R16" s="101"/>
      <c r="S16" s="94"/>
      <c r="T16" s="101"/>
      <c r="U16" s="94"/>
      <c r="V16" s="101"/>
      <c r="W16" s="94"/>
      <c r="X16" s="101"/>
      <c r="Y16" s="94"/>
      <c r="Z16" s="101"/>
      <c r="AA16" s="102"/>
    </row>
    <row r="17" spans="1:27" ht="12" customHeight="1">
      <c r="A17" s="272"/>
      <c r="B17" s="94"/>
      <c r="C17" s="112"/>
      <c r="D17" s="94"/>
      <c r="E17" s="97"/>
      <c r="F17" s="101"/>
      <c r="G17" s="94"/>
      <c r="H17" s="101"/>
      <c r="I17" s="94"/>
      <c r="J17" s="101"/>
      <c r="K17" s="94"/>
      <c r="L17" s="101"/>
      <c r="M17" s="94"/>
      <c r="N17" s="101"/>
      <c r="O17" s="94"/>
      <c r="P17" s="101"/>
      <c r="Q17" s="94"/>
      <c r="R17" s="101"/>
      <c r="S17" s="94"/>
      <c r="T17" s="101"/>
      <c r="U17" s="94"/>
      <c r="V17" s="101"/>
      <c r="W17" s="94"/>
      <c r="X17" s="101"/>
      <c r="Y17" s="94"/>
      <c r="Z17" s="101"/>
      <c r="AA17" s="102"/>
    </row>
    <row r="18" spans="1:27" ht="12" customHeight="1">
      <c r="A18" s="272" t="s">
        <v>416</v>
      </c>
      <c r="B18" s="94"/>
      <c r="C18" s="112"/>
      <c r="D18" s="94"/>
      <c r="E18" s="97"/>
      <c r="F18" s="101"/>
      <c r="G18" s="94"/>
      <c r="H18" s="101"/>
      <c r="I18" s="94"/>
      <c r="J18" s="101"/>
      <c r="K18" s="94"/>
      <c r="L18" s="101"/>
      <c r="M18" s="94"/>
      <c r="N18" s="101"/>
      <c r="O18" s="94"/>
      <c r="P18" s="101"/>
      <c r="Q18" s="94"/>
      <c r="R18" s="101"/>
      <c r="S18" s="94"/>
      <c r="T18" s="101"/>
      <c r="U18" s="94"/>
      <c r="V18" s="101"/>
      <c r="W18" s="94"/>
      <c r="X18" s="101"/>
      <c r="Y18" s="94"/>
      <c r="Z18" s="101"/>
      <c r="AA18" s="102"/>
    </row>
    <row r="19" spans="1:27" ht="12" customHeight="1">
      <c r="A19" s="272"/>
      <c r="B19" s="94"/>
      <c r="C19" s="112"/>
      <c r="D19" s="94"/>
      <c r="E19" s="97"/>
      <c r="F19" s="101"/>
      <c r="G19" s="94"/>
      <c r="H19" s="101"/>
      <c r="I19" s="94"/>
      <c r="J19" s="101"/>
      <c r="K19" s="94"/>
      <c r="L19" s="101"/>
      <c r="M19" s="94"/>
      <c r="N19" s="101"/>
      <c r="O19" s="94"/>
      <c r="P19" s="101"/>
      <c r="Q19" s="94"/>
      <c r="R19" s="101"/>
      <c r="S19" s="94"/>
      <c r="T19" s="101"/>
      <c r="U19" s="94"/>
      <c r="V19" s="101"/>
      <c r="W19" s="94"/>
      <c r="X19" s="101"/>
      <c r="Y19" s="94"/>
      <c r="Z19" s="101"/>
      <c r="AA19" s="102"/>
    </row>
    <row r="20" spans="1:27" ht="12" customHeight="1">
      <c r="A20" s="272" t="s">
        <v>417</v>
      </c>
      <c r="B20" s="94"/>
      <c r="C20" s="112"/>
      <c r="D20" s="94"/>
      <c r="E20" s="97"/>
      <c r="F20" s="101"/>
      <c r="G20" s="94"/>
      <c r="H20" s="101"/>
      <c r="I20" s="94"/>
      <c r="J20" s="101"/>
      <c r="K20" s="94"/>
      <c r="L20" s="101"/>
      <c r="M20" s="94"/>
      <c r="N20" s="101"/>
      <c r="O20" s="94"/>
      <c r="P20" s="101"/>
      <c r="Q20" s="94"/>
      <c r="R20" s="101"/>
      <c r="S20" s="94"/>
      <c r="T20" s="101"/>
      <c r="U20" s="94"/>
      <c r="V20" s="101"/>
      <c r="W20" s="94"/>
      <c r="X20" s="101"/>
      <c r="Y20" s="94"/>
      <c r="Z20" s="101"/>
      <c r="AA20" s="102"/>
    </row>
    <row r="21" spans="1:27" ht="12" customHeight="1">
      <c r="A21" s="103"/>
      <c r="B21" s="106"/>
      <c r="C21" s="114"/>
      <c r="D21" s="106"/>
      <c r="E21" s="107"/>
      <c r="F21" s="108"/>
      <c r="G21" s="106"/>
      <c r="H21" s="108"/>
      <c r="I21" s="106"/>
      <c r="J21" s="108"/>
      <c r="K21" s="106"/>
      <c r="L21" s="108"/>
      <c r="M21" s="106"/>
      <c r="N21" s="108"/>
      <c r="O21" s="106"/>
      <c r="P21" s="108"/>
      <c r="Q21" s="106"/>
      <c r="R21" s="108"/>
      <c r="S21" s="106"/>
      <c r="T21" s="108"/>
      <c r="U21" s="106"/>
      <c r="V21" s="108"/>
      <c r="W21" s="106"/>
      <c r="X21" s="108"/>
      <c r="Y21" s="106"/>
      <c r="Z21" s="108"/>
      <c r="AA21" s="115"/>
    </row>
    <row r="22" spans="1:27" ht="22.5" customHeight="1">
      <c r="B22" s="262" t="s">
        <v>419</v>
      </c>
    </row>
    <row r="23" spans="1:27" ht="15.75" customHeight="1">
      <c r="A23" s="85" t="s">
        <v>143</v>
      </c>
      <c r="B23" s="468">
        <v>0.29166666666666669</v>
      </c>
      <c r="C23" s="468"/>
      <c r="D23" s="468">
        <v>0.33333333333333331</v>
      </c>
      <c r="E23" s="468"/>
      <c r="F23" s="468">
        <v>0.375</v>
      </c>
      <c r="G23" s="468"/>
      <c r="H23" s="468">
        <v>0.41666666666666669</v>
      </c>
      <c r="I23" s="468"/>
      <c r="J23" s="468">
        <v>0.45833333333333331</v>
      </c>
      <c r="K23" s="468"/>
      <c r="L23" s="468">
        <v>0.5</v>
      </c>
      <c r="M23" s="468"/>
      <c r="N23" s="468">
        <v>0.54166666666666663</v>
      </c>
      <c r="O23" s="468"/>
      <c r="P23" s="468">
        <v>0.58333333333333337</v>
      </c>
      <c r="Q23" s="468"/>
      <c r="R23" s="468">
        <v>0.625</v>
      </c>
      <c r="S23" s="468"/>
      <c r="T23" s="468">
        <v>0.66666666666666663</v>
      </c>
      <c r="U23" s="468"/>
      <c r="V23" s="468">
        <v>0.70833333333333337</v>
      </c>
      <c r="W23" s="468"/>
      <c r="X23" s="468">
        <v>0.75</v>
      </c>
      <c r="Y23" s="468"/>
      <c r="Z23" s="468">
        <v>0.79166666666666663</v>
      </c>
      <c r="AA23" s="471"/>
    </row>
    <row r="24" spans="1:27" ht="12" customHeight="1">
      <c r="A24" s="86" t="s">
        <v>144</v>
      </c>
      <c r="B24" s="87"/>
      <c r="C24" s="88"/>
      <c r="D24" s="89"/>
      <c r="E24" s="90"/>
      <c r="F24" s="91"/>
      <c r="G24" s="87"/>
      <c r="H24" s="91"/>
      <c r="I24" s="87"/>
      <c r="J24" s="91"/>
      <c r="K24" s="87"/>
      <c r="L24" s="91"/>
      <c r="M24" s="87"/>
      <c r="N24" s="91"/>
      <c r="O24" s="87"/>
      <c r="P24" s="91"/>
      <c r="Q24" s="87"/>
      <c r="R24" s="91"/>
      <c r="S24" s="87"/>
      <c r="T24" s="91"/>
      <c r="U24" s="87"/>
      <c r="V24" s="91"/>
      <c r="W24" s="87"/>
      <c r="X24" s="91"/>
      <c r="Y24" s="89"/>
      <c r="Z24" s="92"/>
      <c r="AA24" s="93"/>
    </row>
    <row r="25" spans="1:27" ht="12" customHeight="1">
      <c r="A25" s="272" t="s">
        <v>412</v>
      </c>
      <c r="B25" s="94"/>
      <c r="C25" s="95"/>
      <c r="D25" s="96"/>
      <c r="E25" s="260"/>
      <c r="F25" s="261"/>
      <c r="G25" s="260"/>
      <c r="H25" s="261"/>
      <c r="I25" s="260"/>
      <c r="J25" s="261"/>
      <c r="K25" s="99"/>
      <c r="L25" s="100"/>
      <c r="M25" s="99"/>
      <c r="N25" s="100"/>
      <c r="O25" s="99"/>
      <c r="P25" s="100"/>
      <c r="Q25" s="99"/>
      <c r="R25" s="100"/>
      <c r="S25" s="99"/>
      <c r="T25" s="100"/>
      <c r="U25" s="99"/>
      <c r="V25" s="100"/>
      <c r="W25" s="260"/>
      <c r="X25" s="261"/>
      <c r="Y25" s="260"/>
      <c r="Z25" s="261"/>
      <c r="AA25" s="102"/>
    </row>
    <row r="26" spans="1:27" ht="12" customHeight="1">
      <c r="A26" s="272"/>
      <c r="B26" s="94"/>
      <c r="C26" s="95"/>
      <c r="D26" s="96"/>
      <c r="E26" s="260"/>
      <c r="F26" s="261"/>
      <c r="G26" s="260"/>
      <c r="H26" s="261"/>
      <c r="I26" s="260"/>
      <c r="J26" s="261"/>
      <c r="K26" s="260"/>
      <c r="L26" s="261"/>
      <c r="M26" s="260"/>
      <c r="N26" s="261"/>
      <c r="O26" s="260"/>
      <c r="P26" s="261"/>
      <c r="Q26" s="260"/>
      <c r="R26" s="261"/>
      <c r="S26" s="260"/>
      <c r="T26" s="261"/>
      <c r="U26" s="260"/>
      <c r="V26" s="261"/>
      <c r="W26" s="94"/>
      <c r="X26" s="98"/>
      <c r="Y26" s="96"/>
      <c r="Z26" s="101"/>
      <c r="AA26" s="102"/>
    </row>
    <row r="27" spans="1:27" ht="12" customHeight="1">
      <c r="A27" s="272" t="s">
        <v>413</v>
      </c>
      <c r="B27" s="94"/>
      <c r="C27" s="95"/>
      <c r="D27" s="96"/>
      <c r="E27" s="260"/>
      <c r="F27" s="261"/>
      <c r="G27" s="260"/>
      <c r="H27" s="261"/>
      <c r="I27" s="260"/>
      <c r="J27" s="261"/>
      <c r="K27" s="260"/>
      <c r="L27" s="261"/>
      <c r="M27" s="260"/>
      <c r="N27" s="261"/>
      <c r="O27" s="99"/>
      <c r="P27" s="100"/>
      <c r="Q27" s="99"/>
      <c r="R27" s="100"/>
      <c r="S27" s="99"/>
      <c r="T27" s="100"/>
      <c r="U27" s="99"/>
      <c r="V27" s="100"/>
      <c r="W27" s="99"/>
      <c r="X27" s="100"/>
      <c r="Y27" s="99"/>
      <c r="Z27" s="100"/>
      <c r="AA27" s="102"/>
    </row>
    <row r="28" spans="1:27" ht="12" customHeight="1">
      <c r="A28" s="103"/>
      <c r="B28" s="104"/>
      <c r="C28" s="105"/>
      <c r="D28" s="106"/>
      <c r="E28" s="107"/>
      <c r="F28" s="108"/>
      <c r="G28" s="106"/>
      <c r="H28" s="108"/>
      <c r="I28" s="106"/>
      <c r="J28" s="108"/>
      <c r="K28" s="106"/>
      <c r="L28" s="108"/>
      <c r="M28" s="106"/>
      <c r="N28" s="108"/>
      <c r="O28" s="106"/>
      <c r="P28" s="108"/>
      <c r="Q28" s="106"/>
      <c r="R28" s="108"/>
      <c r="S28" s="106"/>
      <c r="T28" s="108"/>
      <c r="U28" s="106"/>
      <c r="V28" s="108"/>
      <c r="W28" s="106"/>
      <c r="X28" s="108"/>
      <c r="Y28" s="106"/>
      <c r="Z28" s="109"/>
      <c r="AA28" s="110"/>
    </row>
    <row r="29" spans="1:27" ht="12" customHeight="1">
      <c r="A29" s="111" t="s">
        <v>414</v>
      </c>
      <c r="B29" s="94"/>
      <c r="C29" s="112"/>
      <c r="D29" s="94"/>
      <c r="E29" s="97"/>
      <c r="F29" s="101"/>
      <c r="G29" s="94"/>
      <c r="H29" s="101"/>
      <c r="I29" s="94"/>
      <c r="J29" s="101"/>
      <c r="K29" s="94"/>
      <c r="L29" s="101"/>
      <c r="M29" s="94"/>
      <c r="N29" s="101"/>
      <c r="O29" s="94"/>
      <c r="P29" s="101"/>
      <c r="Q29" s="94"/>
      <c r="R29" s="101"/>
      <c r="S29" s="94"/>
      <c r="T29" s="101"/>
      <c r="U29" s="94"/>
      <c r="V29" s="101"/>
      <c r="W29" s="94"/>
      <c r="X29" s="101"/>
      <c r="Y29" s="94"/>
      <c r="Z29" s="101"/>
      <c r="AA29" s="102"/>
    </row>
    <row r="30" spans="1:27" ht="12" customHeight="1">
      <c r="A30" s="272" t="s">
        <v>412</v>
      </c>
      <c r="B30" s="94"/>
      <c r="C30" s="112"/>
      <c r="D30" s="94"/>
      <c r="E30" s="97"/>
      <c r="F30" s="101"/>
      <c r="G30" s="94"/>
      <c r="H30" s="101"/>
      <c r="I30" s="94"/>
      <c r="J30" s="101"/>
      <c r="K30" s="94"/>
      <c r="L30" s="101"/>
      <c r="M30" s="94"/>
      <c r="N30" s="101"/>
      <c r="O30" s="94"/>
      <c r="P30" s="101"/>
      <c r="Q30" s="94"/>
      <c r="R30" s="101"/>
      <c r="S30" s="94"/>
      <c r="T30" s="101"/>
      <c r="U30" s="94"/>
      <c r="V30" s="101"/>
      <c r="W30" s="94"/>
      <c r="X30" s="101"/>
      <c r="Y30" s="94"/>
      <c r="Z30" s="101"/>
      <c r="AA30" s="102"/>
    </row>
    <row r="31" spans="1:27" ht="12" customHeight="1">
      <c r="A31" s="272"/>
      <c r="B31" s="94"/>
      <c r="C31" s="112"/>
      <c r="D31" s="94"/>
      <c r="E31" s="97"/>
      <c r="F31" s="101"/>
      <c r="G31" s="94"/>
      <c r="H31" s="101"/>
      <c r="I31" s="94"/>
      <c r="J31" s="101"/>
      <c r="K31" s="94"/>
      <c r="L31" s="101"/>
      <c r="M31" s="94"/>
      <c r="N31" s="101"/>
      <c r="O31" s="94"/>
      <c r="P31" s="101"/>
      <c r="Q31" s="94"/>
      <c r="R31" s="101"/>
      <c r="S31" s="94"/>
      <c r="T31" s="101"/>
      <c r="U31" s="94"/>
      <c r="V31" s="101"/>
      <c r="W31" s="94"/>
      <c r="X31" s="101"/>
      <c r="Y31" s="94"/>
      <c r="Z31" s="101"/>
      <c r="AA31" s="102"/>
    </row>
    <row r="32" spans="1:27" ht="12" customHeight="1">
      <c r="A32" s="272" t="s">
        <v>413</v>
      </c>
      <c r="B32" s="94"/>
      <c r="C32" s="112"/>
      <c r="D32" s="94"/>
      <c r="E32" s="97"/>
      <c r="F32" s="101"/>
      <c r="G32" s="94"/>
      <c r="H32" s="101"/>
      <c r="I32" s="94"/>
      <c r="J32" s="101"/>
      <c r="K32" s="94"/>
      <c r="L32" s="101"/>
      <c r="M32" s="94"/>
      <c r="N32" s="101"/>
      <c r="O32" s="94"/>
      <c r="P32" s="101"/>
      <c r="Q32" s="94"/>
      <c r="R32" s="101"/>
      <c r="S32" s="94"/>
      <c r="T32" s="101"/>
      <c r="U32" s="94"/>
      <c r="V32" s="101"/>
      <c r="W32" s="94"/>
      <c r="X32" s="101"/>
      <c r="Y32" s="94"/>
      <c r="Z32" s="101"/>
      <c r="AA32" s="102"/>
    </row>
    <row r="33" spans="1:27" ht="12" customHeight="1">
      <c r="A33" s="113"/>
      <c r="B33" s="106"/>
      <c r="C33" s="114"/>
      <c r="D33" s="106"/>
      <c r="E33" s="107"/>
      <c r="F33" s="108"/>
      <c r="G33" s="106"/>
      <c r="H33" s="108"/>
      <c r="I33" s="106"/>
      <c r="J33" s="108"/>
      <c r="K33" s="106"/>
      <c r="L33" s="108"/>
      <c r="M33" s="106"/>
      <c r="N33" s="108"/>
      <c r="O33" s="106"/>
      <c r="P33" s="108"/>
      <c r="Q33" s="106"/>
      <c r="R33" s="108"/>
      <c r="S33" s="106"/>
      <c r="T33" s="108"/>
      <c r="U33" s="106"/>
      <c r="V33" s="108"/>
      <c r="W33" s="106"/>
      <c r="X33" s="108"/>
      <c r="Y33" s="106"/>
      <c r="Z33" s="108"/>
      <c r="AA33" s="115"/>
    </row>
    <row r="34" spans="1:27" ht="12" customHeight="1">
      <c r="A34" s="111" t="s">
        <v>415</v>
      </c>
      <c r="B34" s="94"/>
      <c r="C34" s="112"/>
      <c r="D34" s="94"/>
      <c r="E34" s="97"/>
      <c r="F34" s="101"/>
      <c r="G34" s="94"/>
      <c r="H34" s="101"/>
      <c r="I34" s="94"/>
      <c r="J34" s="101"/>
      <c r="K34" s="94"/>
      <c r="L34" s="101"/>
      <c r="M34" s="94"/>
      <c r="N34" s="101"/>
      <c r="O34" s="94"/>
      <c r="P34" s="101"/>
      <c r="Q34" s="94"/>
      <c r="R34" s="101"/>
      <c r="S34" s="94"/>
      <c r="T34" s="101"/>
      <c r="U34" s="94"/>
      <c r="V34" s="101"/>
      <c r="W34" s="94"/>
      <c r="X34" s="101"/>
      <c r="Y34" s="94"/>
      <c r="Z34" s="101"/>
      <c r="AA34" s="102"/>
    </row>
    <row r="35" spans="1:27" ht="12" customHeight="1">
      <c r="A35" s="272" t="s">
        <v>416</v>
      </c>
      <c r="B35" s="94"/>
      <c r="C35" s="112"/>
      <c r="D35" s="94"/>
      <c r="E35" s="97"/>
      <c r="F35" s="101"/>
      <c r="G35" s="94"/>
      <c r="H35" s="101"/>
      <c r="I35" s="94"/>
      <c r="J35" s="101"/>
      <c r="K35" s="94"/>
      <c r="L35" s="101"/>
      <c r="M35" s="94"/>
      <c r="N35" s="101"/>
      <c r="O35" s="94"/>
      <c r="P35" s="101"/>
      <c r="Q35" s="94"/>
      <c r="R35" s="101"/>
      <c r="S35" s="94"/>
      <c r="T35" s="101"/>
      <c r="U35" s="94"/>
      <c r="V35" s="101"/>
      <c r="W35" s="94"/>
      <c r="X35" s="101"/>
      <c r="Y35" s="94"/>
      <c r="Z35" s="101"/>
      <c r="AA35" s="102"/>
    </row>
    <row r="36" spans="1:27" ht="12" customHeight="1">
      <c r="A36" s="272"/>
      <c r="B36" s="94"/>
      <c r="C36" s="112"/>
      <c r="D36" s="94"/>
      <c r="E36" s="97"/>
      <c r="F36" s="101"/>
      <c r="G36" s="94"/>
      <c r="H36" s="101"/>
      <c r="I36" s="94"/>
      <c r="J36" s="101"/>
      <c r="K36" s="94"/>
      <c r="L36" s="101"/>
      <c r="M36" s="94"/>
      <c r="N36" s="101"/>
      <c r="O36" s="94"/>
      <c r="P36" s="101"/>
      <c r="Q36" s="94"/>
      <c r="R36" s="101"/>
      <c r="S36" s="94"/>
      <c r="T36" s="101"/>
      <c r="U36" s="94"/>
      <c r="V36" s="101"/>
      <c r="W36" s="94"/>
      <c r="X36" s="101"/>
      <c r="Y36" s="94"/>
      <c r="Z36" s="101"/>
      <c r="AA36" s="102"/>
    </row>
    <row r="37" spans="1:27" ht="12" customHeight="1">
      <c r="A37" s="272" t="s">
        <v>416</v>
      </c>
      <c r="B37" s="94"/>
      <c r="C37" s="112"/>
      <c r="D37" s="94"/>
      <c r="E37" s="97"/>
      <c r="F37" s="101"/>
      <c r="G37" s="94"/>
      <c r="H37" s="101"/>
      <c r="I37" s="94"/>
      <c r="J37" s="101"/>
      <c r="K37" s="94"/>
      <c r="L37" s="101"/>
      <c r="M37" s="94"/>
      <c r="N37" s="101"/>
      <c r="O37" s="94"/>
      <c r="P37" s="101"/>
      <c r="Q37" s="94"/>
      <c r="R37" s="101"/>
      <c r="S37" s="94"/>
      <c r="T37" s="101"/>
      <c r="U37" s="94"/>
      <c r="V37" s="101"/>
      <c r="W37" s="94"/>
      <c r="X37" s="101"/>
      <c r="Y37" s="94"/>
      <c r="Z37" s="101"/>
      <c r="AA37" s="102"/>
    </row>
    <row r="38" spans="1:27" ht="12" customHeight="1">
      <c r="A38" s="272"/>
      <c r="B38" s="94"/>
      <c r="C38" s="112"/>
      <c r="D38" s="94"/>
      <c r="E38" s="97"/>
      <c r="F38" s="101"/>
      <c r="G38" s="94"/>
      <c r="H38" s="101"/>
      <c r="I38" s="94"/>
      <c r="J38" s="101"/>
      <c r="K38" s="94"/>
      <c r="L38" s="101"/>
      <c r="M38" s="94"/>
      <c r="N38" s="101"/>
      <c r="O38" s="94"/>
      <c r="P38" s="101"/>
      <c r="Q38" s="94"/>
      <c r="R38" s="101"/>
      <c r="S38" s="94"/>
      <c r="T38" s="101"/>
      <c r="U38" s="94"/>
      <c r="V38" s="101"/>
      <c r="W38" s="94"/>
      <c r="X38" s="101"/>
      <c r="Y38" s="94"/>
      <c r="Z38" s="101"/>
      <c r="AA38" s="102"/>
    </row>
    <row r="39" spans="1:27" ht="12" customHeight="1">
      <c r="A39" s="272" t="s">
        <v>417</v>
      </c>
      <c r="B39" s="94"/>
      <c r="C39" s="112"/>
      <c r="D39" s="94"/>
      <c r="E39" s="97"/>
      <c r="F39" s="101"/>
      <c r="G39" s="94"/>
      <c r="H39" s="101"/>
      <c r="I39" s="94"/>
      <c r="J39" s="101"/>
      <c r="K39" s="94"/>
      <c r="L39" s="101"/>
      <c r="M39" s="94"/>
      <c r="N39" s="101"/>
      <c r="O39" s="94"/>
      <c r="P39" s="101"/>
      <c r="Q39" s="94"/>
      <c r="R39" s="101"/>
      <c r="S39" s="94"/>
      <c r="T39" s="101"/>
      <c r="U39" s="94"/>
      <c r="V39" s="101"/>
      <c r="W39" s="94"/>
      <c r="X39" s="101"/>
      <c r="Y39" s="94"/>
      <c r="Z39" s="101"/>
      <c r="AA39" s="102"/>
    </row>
    <row r="40" spans="1:27" ht="12" customHeight="1">
      <c r="A40" s="103"/>
      <c r="B40" s="106"/>
      <c r="C40" s="114"/>
      <c r="D40" s="106"/>
      <c r="E40" s="107"/>
      <c r="F40" s="108"/>
      <c r="G40" s="106"/>
      <c r="H40" s="108"/>
      <c r="I40" s="106"/>
      <c r="J40" s="108"/>
      <c r="K40" s="106"/>
      <c r="L40" s="108"/>
      <c r="M40" s="106"/>
      <c r="N40" s="108"/>
      <c r="O40" s="106"/>
      <c r="P40" s="108"/>
      <c r="Q40" s="106"/>
      <c r="R40" s="108"/>
      <c r="S40" s="106"/>
      <c r="T40" s="108"/>
      <c r="U40" s="106"/>
      <c r="V40" s="108"/>
      <c r="W40" s="106"/>
      <c r="X40" s="108"/>
      <c r="Y40" s="106"/>
      <c r="Z40" s="108"/>
      <c r="AA40" s="115"/>
    </row>
    <row r="41" spans="1:27" ht="32.25" customHeight="1">
      <c r="A41" s="472" t="s">
        <v>145</v>
      </c>
      <c r="B41" s="472"/>
      <c r="C41" s="472"/>
      <c r="D41" s="472"/>
      <c r="E41" s="472"/>
      <c r="F41" s="472"/>
      <c r="G41" s="472"/>
      <c r="H41" s="472"/>
      <c r="I41" s="472"/>
      <c r="J41" s="472"/>
      <c r="K41" s="472"/>
      <c r="L41" s="472"/>
      <c r="M41" s="472"/>
      <c r="N41" s="472"/>
      <c r="O41" s="472"/>
      <c r="P41" s="472"/>
      <c r="Q41" s="472"/>
      <c r="R41" s="472"/>
      <c r="S41" s="472"/>
      <c r="T41" s="472"/>
      <c r="U41" s="472"/>
      <c r="V41" s="472"/>
      <c r="W41" s="472"/>
      <c r="X41" s="472"/>
      <c r="Y41" s="472"/>
      <c r="Z41" s="472"/>
      <c r="AA41" s="472"/>
    </row>
    <row r="42" spans="1:27" ht="15.75" customHeight="1">
      <c r="A42" s="116" t="s">
        <v>146</v>
      </c>
      <c r="B42" s="116"/>
      <c r="C42" s="116"/>
      <c r="D42" s="116"/>
      <c r="E42" s="116"/>
      <c r="F42" s="116"/>
      <c r="G42" s="116"/>
      <c r="H42" s="116"/>
      <c r="I42" s="116"/>
      <c r="J42" s="116"/>
      <c r="K42" s="116"/>
      <c r="L42" s="116"/>
      <c r="M42" s="116"/>
      <c r="N42" s="116"/>
      <c r="O42" s="116"/>
      <c r="P42" s="116"/>
      <c r="Q42" s="116"/>
      <c r="R42" s="116"/>
      <c r="S42" s="116"/>
      <c r="T42" s="116"/>
      <c r="U42" s="116"/>
      <c r="V42" s="116"/>
      <c r="W42" s="116"/>
      <c r="X42" s="116"/>
      <c r="Y42" s="116"/>
      <c r="Z42" s="116"/>
      <c r="AA42" s="116"/>
    </row>
    <row r="43" spans="1:27" ht="15" customHeight="1"/>
    <row r="44" spans="1:27" ht="21" customHeight="1">
      <c r="A44" s="84" t="s">
        <v>421</v>
      </c>
      <c r="L44" s="262" t="s">
        <v>422</v>
      </c>
      <c r="M44" s="262"/>
    </row>
    <row r="45" spans="1:27" ht="12" customHeight="1">
      <c r="A45" s="94"/>
      <c r="B45" s="94"/>
      <c r="C45" s="94"/>
      <c r="D45" s="94"/>
      <c r="E45" s="94"/>
      <c r="F45" s="94"/>
      <c r="G45" s="94"/>
      <c r="H45" s="94"/>
      <c r="I45" s="94"/>
      <c r="J45" s="94"/>
      <c r="K45" s="94"/>
      <c r="L45" s="94"/>
      <c r="M45" s="94"/>
      <c r="N45" s="94"/>
      <c r="O45" s="94"/>
      <c r="P45" s="94"/>
      <c r="Q45" s="94"/>
      <c r="R45" s="94"/>
      <c r="S45" s="94"/>
      <c r="T45" s="94"/>
      <c r="U45" s="94"/>
      <c r="V45" s="94"/>
      <c r="W45" s="94"/>
      <c r="X45" s="94"/>
      <c r="Y45" s="94"/>
      <c r="Z45" s="94"/>
      <c r="AA45" s="94"/>
    </row>
    <row r="46" spans="1:27" ht="15.75" customHeight="1">
      <c r="A46" s="265"/>
      <c r="B46" s="469"/>
      <c r="C46" s="469"/>
      <c r="D46" s="469"/>
      <c r="E46" s="469"/>
      <c r="F46" s="469"/>
      <c r="G46" s="469"/>
      <c r="H46" s="469"/>
      <c r="I46" s="469"/>
      <c r="J46" s="469"/>
      <c r="K46" s="469"/>
      <c r="L46" s="469"/>
      <c r="M46" s="469"/>
      <c r="N46" s="469"/>
      <c r="O46" s="469"/>
      <c r="P46" s="469"/>
      <c r="Q46" s="469"/>
      <c r="R46" s="469"/>
      <c r="S46" s="469"/>
      <c r="T46" s="469"/>
      <c r="U46" s="469"/>
      <c r="V46" s="469"/>
      <c r="W46" s="469"/>
      <c r="X46" s="469"/>
      <c r="Y46" s="469"/>
      <c r="Z46" s="469"/>
      <c r="AA46" s="469"/>
    </row>
    <row r="47" spans="1:27" ht="12" customHeight="1">
      <c r="A47" s="266"/>
      <c r="B47" s="260"/>
      <c r="C47" s="263"/>
      <c r="D47" s="263"/>
      <c r="E47" s="260"/>
      <c r="F47" s="263"/>
      <c r="G47" s="260"/>
      <c r="H47" s="263"/>
      <c r="I47" s="260"/>
      <c r="J47" s="263"/>
      <c r="K47" s="260"/>
      <c r="L47" s="263"/>
      <c r="M47" s="260"/>
      <c r="N47" s="263"/>
      <c r="O47" s="260"/>
      <c r="P47" s="263"/>
      <c r="Q47" s="260"/>
      <c r="R47" s="263"/>
      <c r="S47" s="260"/>
      <c r="T47" s="263"/>
      <c r="U47" s="260"/>
      <c r="V47" s="263"/>
      <c r="W47" s="260"/>
      <c r="X47" s="263"/>
      <c r="Y47" s="263"/>
      <c r="Z47" s="260"/>
      <c r="AA47" s="260"/>
    </row>
    <row r="48" spans="1:27" ht="12" customHeight="1">
      <c r="A48" s="267"/>
      <c r="B48" s="260"/>
      <c r="C48" s="263"/>
      <c r="D48" s="263"/>
      <c r="E48" s="260"/>
      <c r="F48" s="263"/>
      <c r="G48" s="260"/>
      <c r="H48" s="263"/>
      <c r="I48" s="260"/>
      <c r="J48" s="263"/>
      <c r="K48" s="260"/>
      <c r="L48" s="263"/>
      <c r="M48" s="260"/>
      <c r="N48" s="263"/>
      <c r="O48" s="260"/>
      <c r="P48" s="263"/>
      <c r="Q48" s="260"/>
      <c r="R48" s="263"/>
      <c r="S48" s="260"/>
      <c r="T48" s="263"/>
      <c r="U48" s="260"/>
      <c r="V48" s="263"/>
      <c r="W48" s="260"/>
      <c r="X48" s="263"/>
      <c r="Y48" s="263"/>
      <c r="Z48" s="260"/>
      <c r="AA48" s="260"/>
    </row>
    <row r="49" spans="1:27" ht="12" customHeight="1">
      <c r="A49" s="267"/>
      <c r="B49" s="260"/>
      <c r="C49" s="263"/>
      <c r="D49" s="263"/>
      <c r="E49" s="260"/>
      <c r="F49" s="263"/>
      <c r="G49" s="260"/>
      <c r="H49" s="263"/>
      <c r="I49" s="260"/>
      <c r="J49" s="263"/>
      <c r="K49" s="260"/>
      <c r="L49" s="263"/>
      <c r="M49" s="260"/>
      <c r="N49" s="263"/>
      <c r="O49" s="260"/>
      <c r="P49" s="263"/>
      <c r="Q49" s="260"/>
      <c r="R49" s="263"/>
      <c r="S49" s="260"/>
      <c r="T49" s="263"/>
      <c r="U49" s="260"/>
      <c r="V49" s="263"/>
      <c r="W49" s="260"/>
      <c r="X49" s="263"/>
      <c r="Y49" s="263"/>
      <c r="Z49" s="260"/>
      <c r="AA49" s="260"/>
    </row>
    <row r="50" spans="1:27" ht="12" customHeight="1">
      <c r="A50" s="267"/>
      <c r="B50" s="260"/>
      <c r="C50" s="263"/>
      <c r="D50" s="263"/>
      <c r="E50" s="260"/>
      <c r="F50" s="263"/>
      <c r="G50" s="260"/>
      <c r="H50" s="263"/>
      <c r="I50" s="260"/>
      <c r="J50" s="263"/>
      <c r="K50" s="260"/>
      <c r="L50" s="263"/>
      <c r="M50" s="260"/>
      <c r="N50" s="263"/>
      <c r="O50" s="260"/>
      <c r="P50" s="263"/>
      <c r="Q50" s="260"/>
      <c r="R50" s="263"/>
      <c r="S50" s="260"/>
      <c r="T50" s="263"/>
      <c r="U50" s="260"/>
      <c r="V50" s="263"/>
      <c r="W50" s="260"/>
      <c r="X50" s="263"/>
      <c r="Y50" s="260"/>
      <c r="Z50" s="263"/>
      <c r="AA50" s="260"/>
    </row>
    <row r="51" spans="1:27" ht="12" customHeight="1">
      <c r="A51" s="267"/>
      <c r="B51" s="268"/>
      <c r="C51" s="268"/>
      <c r="D51" s="260"/>
      <c r="E51" s="260"/>
      <c r="F51" s="260"/>
      <c r="G51" s="260"/>
      <c r="H51" s="260"/>
      <c r="I51" s="260"/>
      <c r="J51" s="260"/>
      <c r="K51" s="260"/>
      <c r="L51" s="260"/>
      <c r="M51" s="260"/>
      <c r="N51" s="260"/>
      <c r="O51" s="260"/>
      <c r="P51" s="260"/>
      <c r="Q51" s="260"/>
      <c r="R51" s="260"/>
      <c r="S51" s="260"/>
      <c r="T51" s="260"/>
      <c r="U51" s="260"/>
      <c r="V51" s="260"/>
      <c r="W51" s="260"/>
      <c r="X51" s="260"/>
      <c r="Y51" s="260"/>
      <c r="Z51" s="269"/>
      <c r="AA51" s="269"/>
    </row>
    <row r="52" spans="1:27" ht="12" customHeight="1">
      <c r="A52" s="270"/>
      <c r="B52" s="260"/>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row>
    <row r="53" spans="1:27" ht="12" customHeight="1">
      <c r="A53" s="267"/>
      <c r="B53" s="260"/>
      <c r="C53" s="260"/>
      <c r="D53" s="260"/>
      <c r="E53" s="260"/>
      <c r="F53" s="260"/>
      <c r="G53" s="260"/>
      <c r="H53" s="260"/>
      <c r="I53" s="260"/>
      <c r="J53" s="260"/>
      <c r="K53" s="260"/>
      <c r="L53" s="260"/>
      <c r="M53" s="260"/>
      <c r="N53" s="260"/>
      <c r="O53" s="260"/>
      <c r="P53" s="260"/>
      <c r="Q53" s="260"/>
      <c r="R53" s="260"/>
      <c r="S53" s="260"/>
      <c r="T53" s="260"/>
      <c r="U53" s="260"/>
      <c r="V53" s="260"/>
      <c r="W53" s="260"/>
      <c r="X53" s="260"/>
      <c r="Y53" s="260"/>
      <c r="Z53" s="260"/>
      <c r="AA53" s="260"/>
    </row>
    <row r="54" spans="1:27" ht="12" customHeight="1">
      <c r="A54" s="267"/>
      <c r="B54" s="260"/>
      <c r="C54" s="260"/>
      <c r="D54" s="260"/>
      <c r="E54" s="260"/>
      <c r="F54" s="260"/>
      <c r="G54" s="260"/>
      <c r="H54" s="260"/>
      <c r="I54" s="260"/>
      <c r="J54" s="260"/>
      <c r="K54" s="260"/>
      <c r="L54" s="260"/>
      <c r="M54" s="260"/>
      <c r="N54" s="260"/>
      <c r="O54" s="260"/>
      <c r="P54" s="260"/>
      <c r="Q54" s="260"/>
      <c r="R54" s="260"/>
      <c r="S54" s="260"/>
      <c r="T54" s="260"/>
      <c r="U54" s="260"/>
      <c r="V54" s="260"/>
      <c r="W54" s="260"/>
      <c r="X54" s="260"/>
      <c r="Y54" s="260"/>
      <c r="Z54" s="260"/>
      <c r="AA54" s="260"/>
    </row>
    <row r="55" spans="1:27" ht="12" customHeight="1">
      <c r="A55" s="267"/>
      <c r="B55" s="260"/>
      <c r="C55" s="260"/>
      <c r="D55" s="260"/>
      <c r="E55" s="260"/>
      <c r="F55" s="260"/>
      <c r="G55" s="260"/>
      <c r="H55" s="260"/>
      <c r="I55" s="260"/>
      <c r="J55" s="260"/>
      <c r="K55" s="260"/>
      <c r="L55" s="260"/>
      <c r="M55" s="260"/>
      <c r="N55" s="260"/>
      <c r="O55" s="260"/>
      <c r="P55" s="260"/>
      <c r="Q55" s="260"/>
      <c r="R55" s="260"/>
      <c r="S55" s="260"/>
      <c r="T55" s="260"/>
      <c r="U55" s="260"/>
      <c r="V55" s="260"/>
      <c r="W55" s="260"/>
      <c r="X55" s="260"/>
      <c r="Y55" s="260"/>
      <c r="Z55" s="260"/>
      <c r="AA55" s="260"/>
    </row>
    <row r="56" spans="1:27" ht="12" customHeight="1">
      <c r="A56" s="267"/>
      <c r="B56" s="260"/>
      <c r="C56" s="260"/>
      <c r="D56" s="260"/>
      <c r="E56" s="260"/>
      <c r="F56" s="260"/>
      <c r="G56" s="260"/>
      <c r="H56" s="260"/>
      <c r="I56" s="260"/>
      <c r="J56" s="260"/>
      <c r="K56" s="260"/>
      <c r="L56" s="260"/>
      <c r="M56" s="260"/>
      <c r="N56" s="260"/>
      <c r="O56" s="260"/>
      <c r="P56" s="260"/>
      <c r="Q56" s="260"/>
      <c r="R56" s="260"/>
      <c r="S56" s="260"/>
      <c r="T56" s="260"/>
      <c r="U56" s="260"/>
      <c r="V56" s="260"/>
      <c r="W56" s="260"/>
      <c r="X56" s="260"/>
      <c r="Y56" s="260"/>
      <c r="Z56" s="260"/>
      <c r="AA56" s="260"/>
    </row>
    <row r="57" spans="1:27" ht="12" customHeight="1">
      <c r="A57" s="267"/>
      <c r="B57" s="260"/>
      <c r="C57" s="260"/>
      <c r="D57" s="260"/>
      <c r="E57" s="260"/>
      <c r="F57" s="260"/>
      <c r="G57" s="260"/>
      <c r="H57" s="260"/>
      <c r="I57" s="260"/>
      <c r="J57" s="260"/>
      <c r="K57" s="260"/>
      <c r="L57" s="260"/>
      <c r="M57" s="260"/>
      <c r="N57" s="260"/>
      <c r="O57" s="260"/>
      <c r="P57" s="260"/>
      <c r="Q57" s="260"/>
      <c r="R57" s="260"/>
      <c r="S57" s="260"/>
      <c r="T57" s="260"/>
      <c r="U57" s="260"/>
      <c r="V57" s="260"/>
      <c r="W57" s="260"/>
      <c r="X57" s="260"/>
      <c r="Y57" s="260"/>
      <c r="Z57" s="260"/>
      <c r="AA57" s="260"/>
    </row>
    <row r="58" spans="1:27" ht="12" customHeight="1">
      <c r="A58" s="267"/>
      <c r="B58" s="260"/>
      <c r="C58" s="260"/>
      <c r="D58" s="260"/>
      <c r="E58" s="260"/>
      <c r="F58" s="260"/>
      <c r="G58" s="260"/>
      <c r="H58" s="260"/>
      <c r="I58" s="260"/>
      <c r="J58" s="260"/>
      <c r="K58" s="260"/>
      <c r="L58" s="260"/>
      <c r="M58" s="260"/>
      <c r="N58" s="260"/>
      <c r="O58" s="260"/>
      <c r="P58" s="260"/>
      <c r="Q58" s="260"/>
      <c r="R58" s="260"/>
      <c r="S58" s="260"/>
      <c r="T58" s="260"/>
      <c r="U58" s="260"/>
      <c r="V58" s="260"/>
      <c r="W58" s="260"/>
      <c r="X58" s="260"/>
      <c r="Y58" s="260"/>
      <c r="Z58" s="260"/>
      <c r="AA58" s="260"/>
    </row>
    <row r="59" spans="1:27" ht="12" customHeight="1">
      <c r="A59" s="271"/>
      <c r="B59" s="260"/>
      <c r="C59" s="260"/>
      <c r="D59" s="260"/>
      <c r="E59" s="260"/>
      <c r="F59" s="260"/>
      <c r="G59" s="260"/>
      <c r="H59" s="260"/>
      <c r="I59" s="260"/>
      <c r="J59" s="260"/>
      <c r="K59" s="260"/>
      <c r="L59" s="260"/>
      <c r="M59" s="260"/>
      <c r="N59" s="260"/>
      <c r="O59" s="260"/>
      <c r="P59" s="260"/>
      <c r="Q59" s="260"/>
      <c r="R59" s="260"/>
      <c r="S59" s="260"/>
      <c r="T59" s="260"/>
      <c r="U59" s="260"/>
      <c r="V59" s="260"/>
      <c r="W59" s="260"/>
      <c r="X59" s="260"/>
      <c r="Y59" s="260"/>
      <c r="Z59" s="260"/>
      <c r="AA59" s="260"/>
    </row>
    <row r="60" spans="1:27" ht="12" customHeight="1">
      <c r="A60" s="271"/>
      <c r="B60" s="260"/>
      <c r="C60" s="260"/>
      <c r="D60" s="260"/>
      <c r="E60" s="260"/>
      <c r="F60" s="260"/>
      <c r="G60" s="260"/>
      <c r="H60" s="260"/>
      <c r="I60" s="260"/>
      <c r="J60" s="260"/>
      <c r="K60" s="260"/>
      <c r="L60" s="260"/>
      <c r="M60" s="260"/>
      <c r="N60" s="260"/>
      <c r="O60" s="260"/>
      <c r="P60" s="260"/>
      <c r="Q60" s="260"/>
      <c r="R60" s="260"/>
      <c r="S60" s="260"/>
      <c r="T60" s="260"/>
      <c r="U60" s="260"/>
      <c r="V60" s="260"/>
      <c r="W60" s="260"/>
      <c r="X60" s="260"/>
      <c r="Y60" s="260"/>
      <c r="Z60" s="260"/>
      <c r="AA60" s="260"/>
    </row>
    <row r="61" spans="1:27" ht="12" customHeight="1">
      <c r="A61" s="271"/>
      <c r="B61" s="260"/>
      <c r="C61" s="260"/>
      <c r="D61" s="260"/>
      <c r="E61" s="260"/>
      <c r="F61" s="260"/>
      <c r="G61" s="260"/>
      <c r="H61" s="260"/>
      <c r="I61" s="260"/>
      <c r="J61" s="260"/>
      <c r="K61" s="260"/>
      <c r="L61" s="260"/>
      <c r="M61" s="260"/>
      <c r="N61" s="260"/>
      <c r="O61" s="260"/>
      <c r="P61" s="260"/>
      <c r="Q61" s="260"/>
      <c r="R61" s="260"/>
      <c r="S61" s="260"/>
      <c r="T61" s="260"/>
      <c r="U61" s="260"/>
      <c r="V61" s="260"/>
      <c r="W61" s="260"/>
      <c r="X61" s="260"/>
      <c r="Y61" s="260"/>
      <c r="Z61" s="260"/>
      <c r="AA61" s="260"/>
    </row>
    <row r="62" spans="1:27" ht="12" customHeight="1">
      <c r="A62" s="270"/>
      <c r="B62" s="260"/>
      <c r="C62" s="260"/>
      <c r="D62" s="260"/>
      <c r="E62" s="260"/>
      <c r="F62" s="260"/>
      <c r="G62" s="260"/>
      <c r="H62" s="260"/>
      <c r="I62" s="260"/>
      <c r="J62" s="260"/>
      <c r="K62" s="260"/>
      <c r="L62" s="260"/>
      <c r="M62" s="260"/>
      <c r="N62" s="260"/>
      <c r="O62" s="260"/>
      <c r="P62" s="260"/>
      <c r="Q62" s="260"/>
      <c r="R62" s="260"/>
      <c r="S62" s="260"/>
      <c r="T62" s="260"/>
      <c r="U62" s="260"/>
      <c r="V62" s="260"/>
      <c r="W62" s="260"/>
      <c r="X62" s="260"/>
      <c r="Y62" s="260"/>
      <c r="Z62" s="260"/>
      <c r="AA62" s="260"/>
    </row>
    <row r="63" spans="1:27" ht="12" customHeight="1">
      <c r="A63" s="267"/>
      <c r="B63" s="260"/>
      <c r="C63" s="260"/>
      <c r="D63" s="260"/>
      <c r="E63" s="260"/>
      <c r="F63" s="260"/>
      <c r="G63" s="260"/>
      <c r="H63" s="260"/>
      <c r="I63" s="260"/>
      <c r="J63" s="260"/>
      <c r="K63" s="260"/>
      <c r="L63" s="260"/>
      <c r="M63" s="260"/>
      <c r="N63" s="260"/>
      <c r="O63" s="260"/>
      <c r="P63" s="260"/>
      <c r="Q63" s="260"/>
      <c r="R63" s="260"/>
      <c r="S63" s="260"/>
      <c r="T63" s="260"/>
      <c r="U63" s="260"/>
      <c r="V63" s="260"/>
      <c r="W63" s="260"/>
      <c r="X63" s="260"/>
      <c r="Y63" s="260"/>
      <c r="Z63" s="260"/>
      <c r="AA63" s="260"/>
    </row>
    <row r="64" spans="1:27" ht="12" customHeight="1">
      <c r="A64" s="267"/>
      <c r="B64" s="260"/>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row>
    <row r="65" spans="1:27" ht="12" customHeight="1">
      <c r="A65" s="267"/>
      <c r="B65" s="260"/>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row>
    <row r="66" spans="1:27" ht="12" customHeight="1">
      <c r="A66" s="267"/>
      <c r="B66" s="260"/>
      <c r="C66" s="260"/>
      <c r="D66" s="260"/>
      <c r="E66" s="260"/>
      <c r="F66" s="260"/>
      <c r="G66" s="260"/>
      <c r="H66" s="260"/>
      <c r="I66" s="260"/>
      <c r="J66" s="260"/>
      <c r="K66" s="260"/>
      <c r="L66" s="260"/>
      <c r="M66" s="260"/>
      <c r="N66" s="260"/>
      <c r="O66" s="260"/>
      <c r="P66" s="260"/>
      <c r="Q66" s="260"/>
      <c r="R66" s="260"/>
      <c r="S66" s="260"/>
      <c r="T66" s="260"/>
      <c r="U66" s="260"/>
      <c r="V66" s="260"/>
      <c r="W66" s="260"/>
      <c r="X66" s="260"/>
      <c r="Y66" s="260"/>
      <c r="Z66" s="260"/>
      <c r="AA66" s="260"/>
    </row>
    <row r="67" spans="1:27" ht="12" customHeight="1">
      <c r="A67" s="267"/>
      <c r="B67" s="260"/>
      <c r="C67" s="260"/>
      <c r="D67" s="260"/>
      <c r="E67" s="260"/>
      <c r="F67" s="260"/>
      <c r="G67" s="260"/>
      <c r="H67" s="260"/>
      <c r="I67" s="260"/>
      <c r="J67" s="260"/>
      <c r="K67" s="260"/>
      <c r="L67" s="260"/>
      <c r="M67" s="260"/>
      <c r="N67" s="260"/>
      <c r="O67" s="260"/>
      <c r="P67" s="260"/>
      <c r="Q67" s="260"/>
      <c r="R67" s="260"/>
      <c r="S67" s="260"/>
      <c r="T67" s="260"/>
      <c r="U67" s="260"/>
      <c r="V67" s="260"/>
      <c r="W67" s="260"/>
      <c r="X67" s="260"/>
      <c r="Y67" s="260"/>
      <c r="Z67" s="260"/>
      <c r="AA67" s="260"/>
    </row>
    <row r="68" spans="1:27" ht="12" customHeight="1">
      <c r="A68" s="267"/>
      <c r="B68" s="260"/>
      <c r="C68" s="260"/>
      <c r="D68" s="260"/>
      <c r="E68" s="260"/>
      <c r="F68" s="260"/>
      <c r="G68" s="260"/>
      <c r="H68" s="260"/>
      <c r="I68" s="260"/>
      <c r="J68" s="260"/>
      <c r="K68" s="260"/>
      <c r="L68" s="260"/>
      <c r="M68" s="260"/>
      <c r="N68" s="260"/>
      <c r="O68" s="260"/>
      <c r="P68" s="260"/>
      <c r="Q68" s="260"/>
      <c r="R68" s="260"/>
      <c r="S68" s="260"/>
      <c r="T68" s="260"/>
      <c r="U68" s="260"/>
      <c r="V68" s="260"/>
      <c r="W68" s="260"/>
      <c r="X68" s="260"/>
      <c r="Y68" s="260"/>
      <c r="Z68" s="260"/>
      <c r="AA68" s="260"/>
    </row>
    <row r="69" spans="1:27" ht="12" customHeight="1">
      <c r="A69" s="267"/>
      <c r="B69" s="260"/>
      <c r="C69" s="260"/>
      <c r="D69" s="260"/>
      <c r="E69" s="260"/>
      <c r="F69" s="260"/>
      <c r="G69" s="260"/>
      <c r="H69" s="260"/>
      <c r="I69" s="260"/>
      <c r="J69" s="260"/>
      <c r="K69" s="260"/>
      <c r="L69" s="260"/>
      <c r="M69" s="260"/>
      <c r="N69" s="260"/>
      <c r="O69" s="260"/>
      <c r="P69" s="260"/>
      <c r="Q69" s="260"/>
      <c r="R69" s="260"/>
      <c r="S69" s="260"/>
      <c r="T69" s="260"/>
      <c r="U69" s="260"/>
      <c r="V69" s="260"/>
      <c r="W69" s="260"/>
      <c r="X69" s="260"/>
      <c r="Y69" s="260"/>
      <c r="Z69" s="260"/>
      <c r="AA69" s="260"/>
    </row>
    <row r="70" spans="1:27" ht="12" customHeight="1">
      <c r="A70" s="267"/>
      <c r="B70" s="260"/>
      <c r="C70" s="260"/>
      <c r="D70" s="260"/>
      <c r="E70" s="260"/>
      <c r="F70" s="260"/>
      <c r="G70" s="260"/>
      <c r="H70" s="260"/>
      <c r="I70" s="260"/>
      <c r="J70" s="260"/>
      <c r="K70" s="260"/>
      <c r="L70" s="260"/>
      <c r="M70" s="260"/>
      <c r="N70" s="260"/>
      <c r="O70" s="260"/>
      <c r="P70" s="260"/>
      <c r="Q70" s="260"/>
      <c r="R70" s="260"/>
      <c r="S70" s="260"/>
      <c r="T70" s="260"/>
      <c r="U70" s="260"/>
      <c r="V70" s="260"/>
      <c r="W70" s="260"/>
      <c r="X70" s="260"/>
      <c r="Y70" s="260"/>
      <c r="Z70" s="260"/>
      <c r="AA70" s="260"/>
    </row>
    <row r="71" spans="1:27" ht="12" customHeight="1">
      <c r="A71" s="267"/>
      <c r="B71" s="260"/>
      <c r="C71" s="260"/>
      <c r="D71" s="260"/>
      <c r="E71" s="260"/>
      <c r="F71" s="260"/>
      <c r="G71" s="260"/>
      <c r="H71" s="260"/>
      <c r="I71" s="260"/>
      <c r="J71" s="260"/>
      <c r="K71" s="260"/>
      <c r="L71" s="260"/>
      <c r="M71" s="260"/>
      <c r="N71" s="260"/>
      <c r="O71" s="260"/>
      <c r="P71" s="260"/>
      <c r="Q71" s="260"/>
      <c r="R71" s="260"/>
      <c r="S71" s="260"/>
      <c r="T71" s="260"/>
      <c r="U71" s="260"/>
      <c r="V71" s="260"/>
      <c r="W71" s="260"/>
      <c r="X71" s="260"/>
      <c r="Y71" s="260"/>
      <c r="Z71" s="260"/>
      <c r="AA71" s="260"/>
    </row>
    <row r="72" spans="1:27" ht="12" customHeight="1">
      <c r="A72" s="267"/>
      <c r="B72" s="260"/>
      <c r="C72" s="260"/>
      <c r="D72" s="260"/>
      <c r="E72" s="260"/>
      <c r="F72" s="260"/>
      <c r="G72" s="260"/>
      <c r="H72" s="260"/>
      <c r="I72" s="260"/>
      <c r="J72" s="260"/>
      <c r="K72" s="260"/>
      <c r="L72" s="260"/>
      <c r="M72" s="260"/>
      <c r="N72" s="260"/>
      <c r="O72" s="260"/>
      <c r="P72" s="260"/>
      <c r="Q72" s="260"/>
      <c r="R72" s="260"/>
      <c r="S72" s="260"/>
      <c r="T72" s="260"/>
      <c r="U72" s="260"/>
      <c r="V72" s="260"/>
      <c r="W72" s="260"/>
      <c r="X72" s="260"/>
      <c r="Y72" s="260"/>
      <c r="Z72" s="260"/>
      <c r="AA72" s="260"/>
    </row>
    <row r="73" spans="1:27" ht="12" customHeight="1">
      <c r="A73" s="267"/>
      <c r="B73" s="260"/>
      <c r="C73" s="260"/>
      <c r="D73" s="260"/>
      <c r="E73" s="260"/>
      <c r="F73" s="260"/>
      <c r="G73" s="260"/>
      <c r="H73" s="260"/>
      <c r="I73" s="260"/>
      <c r="J73" s="260"/>
      <c r="K73" s="260"/>
      <c r="L73" s="260"/>
      <c r="M73" s="260"/>
      <c r="N73" s="260"/>
      <c r="O73" s="260"/>
      <c r="P73" s="260"/>
      <c r="Q73" s="260"/>
      <c r="R73" s="260"/>
      <c r="S73" s="260"/>
      <c r="T73" s="260"/>
      <c r="U73" s="260"/>
      <c r="V73" s="260"/>
      <c r="W73" s="260"/>
      <c r="X73" s="260"/>
      <c r="Y73" s="260"/>
      <c r="Z73" s="260"/>
      <c r="AA73" s="260"/>
    </row>
    <row r="74" spans="1:27" ht="12" customHeight="1">
      <c r="A74" s="267"/>
      <c r="B74" s="260"/>
      <c r="C74" s="260"/>
      <c r="D74" s="260"/>
      <c r="E74" s="260"/>
      <c r="F74" s="260"/>
      <c r="G74" s="260"/>
      <c r="H74" s="260"/>
      <c r="I74" s="260"/>
      <c r="J74" s="260"/>
      <c r="K74" s="260"/>
      <c r="L74" s="260"/>
      <c r="M74" s="260"/>
      <c r="N74" s="260"/>
      <c r="O74" s="260"/>
      <c r="P74" s="260"/>
      <c r="Q74" s="260"/>
      <c r="R74" s="260"/>
      <c r="S74" s="260"/>
      <c r="T74" s="260"/>
      <c r="U74" s="260"/>
      <c r="V74" s="260"/>
      <c r="W74" s="260"/>
      <c r="X74" s="260"/>
      <c r="Y74" s="260"/>
      <c r="Z74" s="260"/>
      <c r="AA74" s="260"/>
    </row>
    <row r="75" spans="1:27" ht="12" customHeight="1">
      <c r="A75" s="267"/>
      <c r="B75" s="260"/>
      <c r="C75" s="260"/>
      <c r="D75" s="260"/>
      <c r="E75" s="260"/>
      <c r="F75" s="260"/>
      <c r="G75" s="260"/>
      <c r="H75" s="260"/>
      <c r="I75" s="260"/>
      <c r="J75" s="260"/>
      <c r="K75" s="260"/>
      <c r="L75" s="260"/>
      <c r="M75" s="260"/>
      <c r="N75" s="260"/>
      <c r="O75" s="260"/>
      <c r="P75" s="260"/>
      <c r="Q75" s="260"/>
      <c r="R75" s="260"/>
      <c r="S75" s="260"/>
      <c r="T75" s="260"/>
      <c r="U75" s="260"/>
      <c r="V75" s="260"/>
      <c r="W75" s="260"/>
      <c r="X75" s="260"/>
      <c r="Y75" s="260"/>
      <c r="Z75" s="260"/>
      <c r="AA75" s="260"/>
    </row>
    <row r="76" spans="1:27" ht="12" customHeight="1">
      <c r="A76" s="267"/>
      <c r="B76" s="260"/>
      <c r="C76" s="260"/>
      <c r="D76" s="260"/>
      <c r="E76" s="260"/>
      <c r="F76" s="260"/>
      <c r="G76" s="260"/>
      <c r="H76" s="260"/>
      <c r="I76" s="260"/>
      <c r="J76" s="260"/>
      <c r="K76" s="260"/>
      <c r="L76" s="260"/>
      <c r="M76" s="260"/>
      <c r="N76" s="260"/>
      <c r="O76" s="260"/>
      <c r="P76" s="260"/>
      <c r="Q76" s="260"/>
      <c r="R76" s="260"/>
      <c r="S76" s="260"/>
      <c r="T76" s="260"/>
      <c r="U76" s="260"/>
      <c r="V76" s="260"/>
      <c r="W76" s="260"/>
      <c r="X76" s="260"/>
      <c r="Y76" s="260"/>
      <c r="Z76" s="260"/>
      <c r="AA76" s="260"/>
    </row>
    <row r="77" spans="1:27" ht="32.25" customHeight="1">
      <c r="A77" s="470"/>
      <c r="B77" s="470"/>
      <c r="C77" s="470"/>
      <c r="D77" s="470"/>
      <c r="E77" s="470"/>
      <c r="F77" s="470"/>
      <c r="G77" s="470"/>
      <c r="H77" s="470"/>
      <c r="I77" s="470"/>
      <c r="J77" s="470"/>
      <c r="K77" s="470"/>
      <c r="L77" s="470"/>
      <c r="M77" s="470"/>
      <c r="N77" s="470"/>
      <c r="O77" s="470"/>
      <c r="P77" s="470"/>
      <c r="Q77" s="470"/>
      <c r="R77" s="470"/>
      <c r="S77" s="470"/>
      <c r="T77" s="470"/>
      <c r="U77" s="470"/>
      <c r="V77" s="470"/>
      <c r="W77" s="470"/>
      <c r="X77" s="470"/>
      <c r="Y77" s="470"/>
      <c r="Z77" s="470"/>
      <c r="AA77" s="470"/>
    </row>
    <row r="78" spans="1:27" ht="15.75" customHeight="1">
      <c r="A78" s="264"/>
      <c r="B78" s="264"/>
      <c r="C78" s="264"/>
      <c r="D78" s="264"/>
      <c r="E78" s="264"/>
      <c r="F78" s="264"/>
      <c r="G78" s="264"/>
      <c r="H78" s="264"/>
      <c r="I78" s="264"/>
      <c r="J78" s="264"/>
      <c r="K78" s="264"/>
      <c r="L78" s="264"/>
      <c r="M78" s="264"/>
      <c r="N78" s="264"/>
      <c r="O78" s="264"/>
      <c r="P78" s="264"/>
      <c r="Q78" s="264"/>
      <c r="R78" s="264"/>
      <c r="S78" s="264"/>
      <c r="T78" s="264"/>
      <c r="U78" s="264"/>
      <c r="V78" s="264"/>
      <c r="W78" s="264"/>
      <c r="X78" s="264"/>
      <c r="Y78" s="264"/>
      <c r="Z78" s="264"/>
      <c r="AA78" s="264"/>
    </row>
  </sheetData>
  <mergeCells count="41">
    <mergeCell ref="Z4:AA4"/>
    <mergeCell ref="A41:AA41"/>
    <mergeCell ref="N4:O4"/>
    <mergeCell ref="P4:Q4"/>
    <mergeCell ref="R4:S4"/>
    <mergeCell ref="T4:U4"/>
    <mergeCell ref="V4:W4"/>
    <mergeCell ref="X4:Y4"/>
    <mergeCell ref="B4:C4"/>
    <mergeCell ref="D4:E4"/>
    <mergeCell ref="F4:G4"/>
    <mergeCell ref="H4:I4"/>
    <mergeCell ref="J4:K4"/>
    <mergeCell ref="L4:M4"/>
    <mergeCell ref="Z23:AA23"/>
    <mergeCell ref="B23:C23"/>
    <mergeCell ref="V46:W46"/>
    <mergeCell ref="X46:Y46"/>
    <mergeCell ref="Z46:AA46"/>
    <mergeCell ref="A77:AA77"/>
    <mergeCell ref="L46:M46"/>
    <mergeCell ref="N46:O46"/>
    <mergeCell ref="P46:Q46"/>
    <mergeCell ref="R46:S46"/>
    <mergeCell ref="T46:U46"/>
    <mergeCell ref="B46:C46"/>
    <mergeCell ref="D46:E46"/>
    <mergeCell ref="F46:G46"/>
    <mergeCell ref="H46:I46"/>
    <mergeCell ref="J46:K46"/>
    <mergeCell ref="D23:E23"/>
    <mergeCell ref="F23:G23"/>
    <mergeCell ref="H23:I23"/>
    <mergeCell ref="J23:K23"/>
    <mergeCell ref="L23:M23"/>
    <mergeCell ref="X23:Y23"/>
    <mergeCell ref="N23:O23"/>
    <mergeCell ref="P23:Q23"/>
    <mergeCell ref="R23:S23"/>
    <mergeCell ref="T23:U23"/>
    <mergeCell ref="V23:W23"/>
  </mergeCells>
  <phoneticPr fontId="4"/>
  <pageMargins left="0.70866141732283472" right="0.70866141732283472" top="0.55118110236220474" bottom="0.55118110236220474" header="0.31496062992125984" footer="0.31496062992125984"/>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5</vt:i4>
      </vt:variant>
      <vt:variant>
        <vt:lpstr>名前付き一覧</vt:lpstr>
      </vt:variant>
      <vt:variant>
        <vt:i4>7</vt:i4>
      </vt:variant>
    </vt:vector>
  </HeadingPairs>
  <TitlesOfParts>
    <vt:vector size="22" baseType="lpstr">
      <vt:lpstr>（別紙）提出一覧</vt:lpstr>
      <vt:lpstr>様式１参加申込</vt:lpstr>
      <vt:lpstr>様式２誓約書</vt:lpstr>
      <vt:lpstr>様式３法人概要</vt:lpstr>
      <vt:lpstr>様式４履歴書（代表者）</vt:lpstr>
      <vt:lpstr>様式５主な職員名簿</vt:lpstr>
      <vt:lpstr>様式6履歴書（施設長）</vt:lpstr>
      <vt:lpstr>様式7職員配置</vt:lpstr>
      <vt:lpstr>様式8配置計画等</vt:lpstr>
      <vt:lpstr>様式9事業計画</vt:lpstr>
      <vt:lpstr>様式10開設資金</vt:lpstr>
      <vt:lpstr>様式11収支計画</vt:lpstr>
      <vt:lpstr>様式12償還計画</vt:lpstr>
      <vt:lpstr>様式13保育内容</vt:lpstr>
      <vt:lpstr>様式14辞退届</vt:lpstr>
      <vt:lpstr>様式13保育内容!Print_Area</vt:lpstr>
      <vt:lpstr>様式14辞退届!Print_Area</vt:lpstr>
      <vt:lpstr>様式１参加申込!Print_Area</vt:lpstr>
      <vt:lpstr>様式２誓約書!Print_Area</vt:lpstr>
      <vt:lpstr>様式9事業計画!Print_Area</vt:lpstr>
      <vt:lpstr>様式13保育内容!Print_Titles</vt:lpstr>
      <vt:lpstr>様式9事業計画!Print_Titles</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s006862 樫原愛弥</cp:lastModifiedBy>
  <cp:lastPrinted>2026-04-02T08:27:23Z</cp:lastPrinted>
  <dcterms:created xsi:type="dcterms:W3CDTF">2017-05-29T09:18:17Z</dcterms:created>
  <dcterms:modified xsi:type="dcterms:W3CDTF">2026-04-27T02:34:11Z</dcterms:modified>
</cp:coreProperties>
</file>